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4025\group\003_入選G\01 入選\11 入学者選抜に係る記者発表資料\R7（令和８年度入選）\01_記者発表資料\01_R8入選発表資料\10_R8.03.06 定通分割【志願者数】\06_HP用データ\"/>
    </mc:Choice>
  </mc:AlternateContent>
  <xr:revisionPtr revIDLastSave="0" documentId="13_ncr:1_{8ED9058F-EC70-4562-8FCF-3701379DF199}" xr6:coauthVersionLast="47" xr6:coauthVersionMax="47" xr10:uidLastSave="{00000000-0000-0000-0000-000000000000}"/>
  <bookViews>
    <workbookView xWindow="-120" yWindow="-120" windowWidth="29040" windowHeight="15720" xr2:uid="{4E596BF9-D81F-4930-B160-09F47A519CBB}"/>
  </bookViews>
  <sheets>
    <sheet name="別紙３" sheetId="1" r:id="rId1"/>
  </sheets>
  <definedNames>
    <definedName name="_xlnm.Print_Area" localSheetId="0">別紙３!$A$1:$O$10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35" uniqueCount="75">
  <si>
    <t>令和８年度神奈川県公立高等学校入学者選抜一般募集定通分割選抜志願締切時志願状況
　（定時制の課程及び通信制の課程）</t>
    <phoneticPr fontId="3"/>
  </si>
  <si>
    <t>（定時制の課程）</t>
    <rPh sb="1" eb="3">
      <t>テイジ</t>
    </rPh>
    <rPh sb="3" eb="4">
      <t>セイ</t>
    </rPh>
    <rPh sb="5" eb="7">
      <t>カテイ</t>
    </rPh>
    <phoneticPr fontId="6"/>
  </si>
  <si>
    <t>普通科</t>
    <rPh sb="0" eb="2">
      <t>フツウ</t>
    </rPh>
    <rPh sb="2" eb="3">
      <t>カ</t>
    </rPh>
    <phoneticPr fontId="3"/>
  </si>
  <si>
    <t>募集</t>
    <rPh sb="0" eb="2">
      <t>ボシュウ</t>
    </rPh>
    <phoneticPr fontId="3"/>
  </si>
  <si>
    <t>共通選抜</t>
    <rPh sb="0" eb="2">
      <t>キョウツウ</t>
    </rPh>
    <rPh sb="2" eb="4">
      <t>センバツ</t>
    </rPh>
    <phoneticPr fontId="3"/>
  </si>
  <si>
    <t>３月４日まで</t>
    <rPh sb="1" eb="2">
      <t>ガツ</t>
    </rPh>
    <rPh sb="3" eb="4">
      <t>ニチ</t>
    </rPh>
    <phoneticPr fontId="3"/>
  </si>
  <si>
    <t>定通分割選抜</t>
    <rPh sb="0" eb="1">
      <t>テイ</t>
    </rPh>
    <rPh sb="1" eb="2">
      <t>ツウ</t>
    </rPh>
    <rPh sb="2" eb="4">
      <t>ブンカツ</t>
    </rPh>
    <rPh sb="4" eb="6">
      <t>センバツ</t>
    </rPh>
    <phoneticPr fontId="3"/>
  </si>
  <si>
    <t>３月５日以降</t>
    <rPh sb="1" eb="2">
      <t>ガツ</t>
    </rPh>
    <rPh sb="3" eb="4">
      <t>ニチ</t>
    </rPh>
    <rPh sb="4" eb="6">
      <t>イコウ</t>
    </rPh>
    <phoneticPr fontId="3"/>
  </si>
  <si>
    <t>３月６日志願者数</t>
    <rPh sb="1" eb="2">
      <t>ガツ</t>
    </rPh>
    <rPh sb="3" eb="4">
      <t>ニチ</t>
    </rPh>
    <rPh sb="4" eb="7">
      <t>シガンシャ</t>
    </rPh>
    <rPh sb="7" eb="8">
      <t>スウ</t>
    </rPh>
    <phoneticPr fontId="3"/>
  </si>
  <si>
    <t>３月６日</t>
    <rPh sb="1" eb="2">
      <t>ガツ</t>
    </rPh>
    <rPh sb="3" eb="4">
      <t>ニチ</t>
    </rPh>
    <phoneticPr fontId="6"/>
  </si>
  <si>
    <t>前年度
競争率</t>
    <rPh sb="0" eb="3">
      <t>ゼンネンド</t>
    </rPh>
    <rPh sb="4" eb="6">
      <t>キョウソウ</t>
    </rPh>
    <rPh sb="6" eb="7">
      <t>リツ</t>
    </rPh>
    <phoneticPr fontId="3"/>
  </si>
  <si>
    <t xml:space="preserve"> 学 校 名</t>
    <rPh sb="1" eb="2">
      <t>ガク</t>
    </rPh>
    <rPh sb="3" eb="4">
      <t>コウ</t>
    </rPh>
    <rPh sb="5" eb="6">
      <t>メイ</t>
    </rPh>
    <phoneticPr fontId="3"/>
  </si>
  <si>
    <t xml:space="preserve"> 学 科 名</t>
    <rPh sb="1" eb="2">
      <t>ガク</t>
    </rPh>
    <rPh sb="3" eb="4">
      <t>カ</t>
    </rPh>
    <rPh sb="5" eb="6">
      <t>ナ</t>
    </rPh>
    <phoneticPr fontId="3"/>
  </si>
  <si>
    <t>定員</t>
    <rPh sb="0" eb="2">
      <t>テイイン</t>
    </rPh>
    <phoneticPr fontId="3"/>
  </si>
  <si>
    <t>合格者数</t>
    <rPh sb="0" eb="3">
      <t>ゴウカクシャ</t>
    </rPh>
    <rPh sb="3" eb="4">
      <t>カズ</t>
    </rPh>
    <phoneticPr fontId="3"/>
  </si>
  <si>
    <t>募集人員</t>
    <rPh sb="0" eb="2">
      <t>ボシュウ</t>
    </rPh>
    <rPh sb="2" eb="4">
      <t>ジンイン</t>
    </rPh>
    <phoneticPr fontId="3"/>
  </si>
  <si>
    <t>学区</t>
    <rPh sb="0" eb="2">
      <t>ガック</t>
    </rPh>
    <phoneticPr fontId="3"/>
  </si>
  <si>
    <t>計</t>
    <rPh sb="0" eb="1">
      <t>ケイ</t>
    </rPh>
    <phoneticPr fontId="3"/>
  </si>
  <si>
    <t>競争率</t>
    <phoneticPr fontId="3"/>
  </si>
  <si>
    <t>入学辞退者数</t>
    <rPh sb="0" eb="2">
      <t>ニュウガク</t>
    </rPh>
    <rPh sb="2" eb="4">
      <t>ジタイ</t>
    </rPh>
    <rPh sb="4" eb="5">
      <t>シャ</t>
    </rPh>
    <rPh sb="5" eb="6">
      <t>スウ</t>
    </rPh>
    <phoneticPr fontId="3"/>
  </si>
  <si>
    <t>(A)</t>
    <phoneticPr fontId="3"/>
  </si>
  <si>
    <t>内</t>
    <rPh sb="0" eb="1">
      <t>ナイ</t>
    </rPh>
    <phoneticPr fontId="3"/>
  </si>
  <si>
    <t>外</t>
    <rPh sb="0" eb="1">
      <t>ガイ</t>
    </rPh>
    <phoneticPr fontId="3"/>
  </si>
  <si>
    <t>(B)</t>
    <phoneticPr fontId="3"/>
  </si>
  <si>
    <t>(B/A)</t>
    <phoneticPr fontId="3"/>
  </si>
  <si>
    <t>県立希望ケ丘</t>
    <rPh sb="0" eb="2">
      <t>ケンリツ</t>
    </rPh>
    <rPh sb="2" eb="6">
      <t>キボウガオカ</t>
    </rPh>
    <phoneticPr fontId="3"/>
  </si>
  <si>
    <t>普通科</t>
    <rPh sb="0" eb="2">
      <t>フツウ</t>
    </rPh>
    <rPh sb="2" eb="3">
      <t>カ</t>
    </rPh>
    <phoneticPr fontId="6"/>
  </si>
  <si>
    <t>－</t>
    <phoneticPr fontId="6"/>
  </si>
  <si>
    <t>県立横須賀</t>
    <rPh sb="0" eb="2">
      <t>ケンリツ</t>
    </rPh>
    <rPh sb="2" eb="5">
      <t>ヨコスカ</t>
    </rPh>
    <phoneticPr fontId="3"/>
  </si>
  <si>
    <t>－</t>
  </si>
  <si>
    <t>県立追浜</t>
    <rPh sb="0" eb="2">
      <t>ケンリツ</t>
    </rPh>
    <rPh sb="2" eb="4">
      <t>オッパマ</t>
    </rPh>
    <phoneticPr fontId="3"/>
  </si>
  <si>
    <t>県立津久井</t>
    <rPh sb="0" eb="2">
      <t>ケンリツ</t>
    </rPh>
    <rPh sb="2" eb="5">
      <t>ツクイ</t>
    </rPh>
    <phoneticPr fontId="3"/>
  </si>
  <si>
    <t>横浜市立戸塚</t>
    <rPh sb="0" eb="4">
      <t>ヨコハマシリツ</t>
    </rPh>
    <rPh sb="4" eb="6">
      <t>トヅカ</t>
    </rPh>
    <phoneticPr fontId="3"/>
  </si>
  <si>
    <t>川崎市立橘</t>
    <rPh sb="0" eb="4">
      <t>カワサキシリツ</t>
    </rPh>
    <rPh sb="4" eb="5">
      <t>タチバナ</t>
    </rPh>
    <phoneticPr fontId="3"/>
  </si>
  <si>
    <t>川崎市立高津</t>
    <rPh sb="0" eb="4">
      <t>カワサキシリツ</t>
    </rPh>
    <rPh sb="4" eb="6">
      <t>タカツ</t>
    </rPh>
    <phoneticPr fontId="3"/>
  </si>
  <si>
    <t>合　　計</t>
    <rPh sb="0" eb="4">
      <t>ゴウケイ</t>
    </rPh>
    <phoneticPr fontId="3"/>
  </si>
  <si>
    <t>専門学科（工業に関する学科）</t>
    <rPh sb="5" eb="7">
      <t>コウギョウ</t>
    </rPh>
    <rPh sb="8" eb="9">
      <t>カン</t>
    </rPh>
    <rPh sb="11" eb="13">
      <t>ガッカ</t>
    </rPh>
    <phoneticPr fontId="3"/>
  </si>
  <si>
    <t>３月６日</t>
    <rPh sb="1" eb="2">
      <t>ガツ</t>
    </rPh>
    <rPh sb="3" eb="4">
      <t>ニチ</t>
    </rPh>
    <phoneticPr fontId="3"/>
  </si>
  <si>
    <t>志願者数</t>
    <rPh sb="0" eb="3">
      <t>シガンシャ</t>
    </rPh>
    <rPh sb="3" eb="4">
      <t>スウ</t>
    </rPh>
    <phoneticPr fontId="6"/>
  </si>
  <si>
    <t>（B）</t>
    <phoneticPr fontId="6"/>
  </si>
  <si>
    <t>県立小田原北</t>
    <rPh sb="0" eb="2">
      <t>ケンリツ</t>
    </rPh>
    <rPh sb="2" eb="5">
      <t>オダワラ</t>
    </rPh>
    <rPh sb="5" eb="6">
      <t>キタ</t>
    </rPh>
    <phoneticPr fontId="6"/>
  </si>
  <si>
    <t>機械科・電気科</t>
    <rPh sb="0" eb="2">
      <t>キカイ</t>
    </rPh>
    <rPh sb="2" eb="3">
      <t>カ</t>
    </rPh>
    <rPh sb="4" eb="6">
      <t>デンキ</t>
    </rPh>
    <rPh sb="6" eb="7">
      <t>カ</t>
    </rPh>
    <phoneticPr fontId="6"/>
  </si>
  <si>
    <t>-</t>
  </si>
  <si>
    <t>川崎市立川崎総合科学</t>
    <rPh sb="0" eb="4">
      <t>カワサキシリツ</t>
    </rPh>
    <rPh sb="4" eb="6">
      <t>カワサキ</t>
    </rPh>
    <rPh sb="6" eb="8">
      <t>ソウゴウ</t>
    </rPh>
    <rPh sb="8" eb="10">
      <t>カガク</t>
    </rPh>
    <phoneticPr fontId="6"/>
  </si>
  <si>
    <t>クリエイト工学科</t>
    <rPh sb="5" eb="7">
      <t>コウガク</t>
    </rPh>
    <rPh sb="7" eb="8">
      <t>カ</t>
    </rPh>
    <phoneticPr fontId="6"/>
  </si>
  <si>
    <t>※　県立小田原北高等学校の前年度競争率は、県立小田原城北工業高等学校の前年度競争率です。</t>
    <rPh sb="2" eb="4">
      <t>ケンリツ</t>
    </rPh>
    <rPh sb="4" eb="7">
      <t>オダワラ</t>
    </rPh>
    <rPh sb="7" eb="8">
      <t>キタ</t>
    </rPh>
    <rPh sb="8" eb="10">
      <t>コウトウ</t>
    </rPh>
    <rPh sb="10" eb="12">
      <t>ガッコウ</t>
    </rPh>
    <rPh sb="13" eb="19">
      <t>ゼンネンドキョウソウリツ</t>
    </rPh>
    <rPh sb="21" eb="23">
      <t>ケンリツ</t>
    </rPh>
    <rPh sb="23" eb="26">
      <t>オダワラ</t>
    </rPh>
    <rPh sb="26" eb="28">
      <t>ジョウホク</t>
    </rPh>
    <rPh sb="28" eb="30">
      <t>コウギョウ</t>
    </rPh>
    <rPh sb="30" eb="34">
      <t>コウトウガッコウ</t>
    </rPh>
    <rPh sb="35" eb="41">
      <t>ゼンネンドキョウソウリツ</t>
    </rPh>
    <phoneticPr fontId="6"/>
  </si>
  <si>
    <t>専門学科（商業に関する学科）</t>
    <rPh sb="5" eb="7">
      <t>ショウギョウ</t>
    </rPh>
    <rPh sb="8" eb="9">
      <t>カン</t>
    </rPh>
    <rPh sb="11" eb="13">
      <t>ガッカ</t>
    </rPh>
    <phoneticPr fontId="3"/>
  </si>
  <si>
    <t>商業科</t>
    <rPh sb="0" eb="2">
      <t>ショウギョウ</t>
    </rPh>
    <rPh sb="2" eb="3">
      <t>カ</t>
    </rPh>
    <phoneticPr fontId="6"/>
  </si>
  <si>
    <t>単位制　普通科</t>
    <rPh sb="0" eb="3">
      <t>タンイセイ</t>
    </rPh>
    <rPh sb="4" eb="7">
      <t>フツウカ</t>
    </rPh>
    <phoneticPr fontId="3"/>
  </si>
  <si>
    <t>県立神奈川工業</t>
    <rPh sb="5" eb="7">
      <t>コウギョウ</t>
    </rPh>
    <phoneticPr fontId="6"/>
  </si>
  <si>
    <t>普通科</t>
    <rPh sb="0" eb="3">
      <t>フツウカ</t>
    </rPh>
    <phoneticPr fontId="6"/>
  </si>
  <si>
    <t>県立湘南</t>
    <rPh sb="0" eb="2">
      <t>ケンリツ</t>
    </rPh>
    <rPh sb="2" eb="4">
      <t>ショウナン</t>
    </rPh>
    <phoneticPr fontId="6"/>
  </si>
  <si>
    <t>県立高浜</t>
    <rPh sb="0" eb="2">
      <t>ケンリツ</t>
    </rPh>
    <rPh sb="2" eb="4">
      <t>タカハマ</t>
    </rPh>
    <phoneticPr fontId="12"/>
  </si>
  <si>
    <t>普通科</t>
    <rPh sb="0" eb="3">
      <t>フツウカ</t>
    </rPh>
    <phoneticPr fontId="12"/>
  </si>
  <si>
    <t>県立小田原</t>
    <rPh sb="0" eb="2">
      <t>ケンリツ</t>
    </rPh>
    <rPh sb="2" eb="5">
      <t>オダワラ</t>
    </rPh>
    <phoneticPr fontId="6"/>
  </si>
  <si>
    <t>県立神奈川総合産業</t>
    <phoneticPr fontId="6"/>
  </si>
  <si>
    <t>単位制　総合学科</t>
    <rPh sb="0" eb="3">
      <t>タンイセイ</t>
    </rPh>
    <rPh sb="4" eb="6">
      <t>ソウゴウ</t>
    </rPh>
    <rPh sb="6" eb="8">
      <t>ガッカ</t>
    </rPh>
    <phoneticPr fontId="3"/>
  </si>
  <si>
    <t>横須賀市立横須賀総合</t>
    <rPh sb="0" eb="5">
      <t>ヨコスカシリツ</t>
    </rPh>
    <rPh sb="5" eb="8">
      <t>ヨコスカ</t>
    </rPh>
    <rPh sb="8" eb="10">
      <t>ソウゴウ</t>
    </rPh>
    <phoneticPr fontId="6"/>
  </si>
  <si>
    <t>総合学科</t>
    <rPh sb="0" eb="2">
      <t>ソウゴウ</t>
    </rPh>
    <rPh sb="2" eb="4">
      <t>ガッカ</t>
    </rPh>
    <phoneticPr fontId="6"/>
  </si>
  <si>
    <t>単位制　専門学科（工業に関する学科）</t>
    <rPh sb="0" eb="3">
      <t>タンイセイ</t>
    </rPh>
    <rPh sb="9" eb="11">
      <t>コウギョウ</t>
    </rPh>
    <rPh sb="12" eb="13">
      <t>カン</t>
    </rPh>
    <rPh sb="15" eb="17">
      <t>ガッカ</t>
    </rPh>
    <phoneticPr fontId="3"/>
  </si>
  <si>
    <t>競争率</t>
  </si>
  <si>
    <t>(A)</t>
  </si>
  <si>
    <t>(B/A)</t>
  </si>
  <si>
    <t>県立神奈川工業</t>
    <rPh sb="0" eb="2">
      <t>ケンリツ</t>
    </rPh>
    <rPh sb="2" eb="5">
      <t>カナガワ</t>
    </rPh>
    <rPh sb="5" eb="7">
      <t>コウギョウ</t>
    </rPh>
    <phoneticPr fontId="3"/>
  </si>
  <si>
    <t>機械科</t>
    <rPh sb="0" eb="2">
      <t>キカイ</t>
    </rPh>
    <rPh sb="2" eb="3">
      <t>カ</t>
    </rPh>
    <phoneticPr fontId="6"/>
  </si>
  <si>
    <t>　　〃</t>
    <phoneticPr fontId="6"/>
  </si>
  <si>
    <t>電気科</t>
    <rPh sb="0" eb="2">
      <t>デンキ</t>
    </rPh>
    <rPh sb="2" eb="3">
      <t>カ</t>
    </rPh>
    <phoneticPr fontId="6"/>
  </si>
  <si>
    <t>建設科</t>
    <rPh sb="0" eb="2">
      <t>ケンセツ</t>
    </rPh>
    <rPh sb="2" eb="3">
      <t>カ</t>
    </rPh>
    <phoneticPr fontId="6"/>
  </si>
  <si>
    <t>　　計</t>
    <rPh sb="2" eb="3">
      <t>ケイ</t>
    </rPh>
    <phoneticPr fontId="6"/>
  </si>
  <si>
    <t>※　県立神奈川工業高等学校（単位制機械科、単位制電気科及び単位制建設科）の前年度競争率は、同校（機械科、電気科及び建設科）の前年度競争
　率です。</t>
    <rPh sb="2" eb="4">
      <t>ケンリツ</t>
    </rPh>
    <rPh sb="4" eb="7">
      <t>カナガワ</t>
    </rPh>
    <rPh sb="7" eb="9">
      <t>コウギョウ</t>
    </rPh>
    <rPh sb="9" eb="11">
      <t>コウトウ</t>
    </rPh>
    <rPh sb="11" eb="13">
      <t>ガッコウ</t>
    </rPh>
    <rPh sb="14" eb="17">
      <t>タンイセイ</t>
    </rPh>
    <rPh sb="17" eb="19">
      <t>キカイ</t>
    </rPh>
    <rPh sb="19" eb="20">
      <t>カ</t>
    </rPh>
    <rPh sb="21" eb="24">
      <t>タンイセイ</t>
    </rPh>
    <rPh sb="24" eb="26">
      <t>デンキ</t>
    </rPh>
    <rPh sb="26" eb="27">
      <t>カ</t>
    </rPh>
    <rPh sb="27" eb="28">
      <t>オヨ</t>
    </rPh>
    <rPh sb="29" eb="32">
      <t>タンイセイ</t>
    </rPh>
    <rPh sb="32" eb="34">
      <t>ケンセツ</t>
    </rPh>
    <rPh sb="34" eb="35">
      <t>カ</t>
    </rPh>
    <rPh sb="37" eb="40">
      <t>ゼンネンド</t>
    </rPh>
    <rPh sb="40" eb="43">
      <t>キョウソウリツ</t>
    </rPh>
    <rPh sb="45" eb="47">
      <t>ドウコウ</t>
    </rPh>
    <rPh sb="48" eb="50">
      <t>キカイ</t>
    </rPh>
    <rPh sb="50" eb="51">
      <t>カ</t>
    </rPh>
    <rPh sb="52" eb="54">
      <t>デンキ</t>
    </rPh>
    <rPh sb="54" eb="55">
      <t>カ</t>
    </rPh>
    <rPh sb="55" eb="56">
      <t>オヨ</t>
    </rPh>
    <rPh sb="57" eb="59">
      <t>ケンセツ</t>
    </rPh>
    <rPh sb="59" eb="60">
      <t>カ</t>
    </rPh>
    <rPh sb="62" eb="65">
      <t>ゼンネンド</t>
    </rPh>
    <rPh sb="65" eb="67">
      <t>キョウソウ</t>
    </rPh>
    <rPh sb="69" eb="70">
      <t>リツ</t>
    </rPh>
    <phoneticPr fontId="6"/>
  </si>
  <si>
    <t>（通信制の課程）</t>
    <rPh sb="1" eb="3">
      <t>ツウシン</t>
    </rPh>
    <rPh sb="3" eb="4">
      <t>セイ</t>
    </rPh>
    <rPh sb="5" eb="7">
      <t>カテイ</t>
    </rPh>
    <phoneticPr fontId="6"/>
  </si>
  <si>
    <t>単位制　普通科</t>
    <rPh sb="0" eb="3">
      <t>タンイセイ</t>
    </rPh>
    <rPh sb="4" eb="6">
      <t>フツウ</t>
    </rPh>
    <rPh sb="6" eb="7">
      <t>カ</t>
    </rPh>
    <phoneticPr fontId="3"/>
  </si>
  <si>
    <t>県立横浜修悠館</t>
    <rPh sb="0" eb="2">
      <t>ケンリツ</t>
    </rPh>
    <rPh sb="2" eb="4">
      <t>ヨコハマ</t>
    </rPh>
    <rPh sb="4" eb="5">
      <t>シュウ</t>
    </rPh>
    <rPh sb="5" eb="6">
      <t>ユウ</t>
    </rPh>
    <rPh sb="6" eb="7">
      <t>カン</t>
    </rPh>
    <phoneticPr fontId="6"/>
  </si>
  <si>
    <t>県立厚木清南</t>
    <rPh sb="0" eb="2">
      <t>ケンリツ</t>
    </rPh>
    <rPh sb="2" eb="4">
      <t>アツギ</t>
    </rPh>
    <rPh sb="4" eb="5">
      <t>シン</t>
    </rPh>
    <rPh sb="5" eb="6">
      <t>ミナミ</t>
    </rPh>
    <phoneticPr fontId="3"/>
  </si>
  <si>
    <t>※　競争率は「志願者数／募集人員」で表していますが、３月５日以降の入学辞退がある場合は、その数を含めて合格者を決定します。</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_ "/>
    <numFmt numFmtId="177" formatCode="#,##0_);[Red]\(#,##0\)"/>
    <numFmt numFmtId="178" formatCode="#,##0.00_ "/>
    <numFmt numFmtId="179" formatCode="0_ ;[Red]\-0\ "/>
    <numFmt numFmtId="180" formatCode="0_);[Red]\(0\)"/>
    <numFmt numFmtId="181" formatCode="0.00_ ;[Red]\-0.00\ "/>
    <numFmt numFmtId="182" formatCode="#,##0.00_);[Red]\(#,##0.00\)"/>
  </numFmts>
  <fonts count="13" x14ac:knownFonts="1">
    <font>
      <sz val="11"/>
      <name val="ＭＳ 明朝"/>
      <family val="1"/>
      <charset val="128"/>
    </font>
    <font>
      <sz val="11"/>
      <name val="ＭＳ 明朝"/>
      <family val="1"/>
      <charset val="128"/>
    </font>
    <font>
      <sz val="14"/>
      <name val="ＭＳ Ｐ明朝"/>
      <family val="1"/>
      <charset val="128"/>
    </font>
    <font>
      <sz val="6"/>
      <name val="ＭＳ 明朝"/>
      <family val="1"/>
      <charset val="128"/>
    </font>
    <font>
      <sz val="11"/>
      <name val="ＭＳ Ｐ明朝"/>
      <family val="1"/>
      <charset val="128"/>
    </font>
    <font>
      <sz val="12"/>
      <name val="ＭＳ Ｐ明朝"/>
      <family val="1"/>
      <charset val="128"/>
    </font>
    <font>
      <sz val="6"/>
      <name val="ＭＳ Ｐ明朝"/>
      <family val="1"/>
      <charset val="128"/>
    </font>
    <font>
      <sz val="11"/>
      <name val="ＭＳ Ｐゴシック"/>
      <family val="3"/>
      <charset val="128"/>
    </font>
    <font>
      <sz val="9"/>
      <name val="ＭＳ Ｐ明朝"/>
      <family val="1"/>
      <charset val="128"/>
    </font>
    <font>
      <sz val="10"/>
      <name val="ＭＳ Ｐ明朝"/>
      <family val="1"/>
      <charset val="128"/>
    </font>
    <font>
      <b/>
      <sz val="11"/>
      <name val="ＭＳ Ｐ明朝"/>
      <family val="1"/>
      <charset val="128"/>
    </font>
    <font>
      <sz val="11"/>
      <name val="Century"/>
      <family val="1"/>
    </font>
    <font>
      <sz val="11"/>
      <color indexed="8"/>
      <name val="ＭＳ 明朝"/>
      <family val="1"/>
      <charset val="128"/>
    </font>
  </fonts>
  <fills count="2">
    <fill>
      <patternFill patternType="none"/>
    </fill>
    <fill>
      <patternFill patternType="gray125"/>
    </fill>
  </fills>
  <borders count="3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hair">
        <color indexed="64"/>
      </left>
      <right/>
      <top style="hair">
        <color indexed="64"/>
      </top>
      <bottom/>
      <diagonal/>
    </border>
    <border>
      <left style="hair">
        <color indexed="64"/>
      </left>
      <right style="hair">
        <color indexed="64"/>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bottom/>
      <diagonal/>
    </border>
    <border>
      <left style="hair">
        <color indexed="64"/>
      </left>
      <right/>
      <top/>
      <bottom/>
      <diagonal/>
    </border>
    <border>
      <left style="hair">
        <color indexed="64"/>
      </left>
      <right style="hair">
        <color indexed="64"/>
      </right>
      <top/>
      <bottom/>
      <diagonal/>
    </border>
    <border>
      <left/>
      <right style="hair">
        <color indexed="64"/>
      </right>
      <top/>
      <bottom/>
      <diagonal/>
    </border>
    <border>
      <left style="thin">
        <color indexed="64"/>
      </left>
      <right/>
      <top/>
      <bottom style="thin">
        <color indexed="64"/>
      </bottom>
      <diagonal/>
    </border>
    <border>
      <left/>
      <right/>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style="thin">
        <color indexed="64"/>
      </top>
      <bottom/>
      <diagonal/>
    </border>
    <border>
      <left style="hair">
        <color indexed="64"/>
      </left>
      <right style="thin">
        <color indexed="64"/>
      </right>
      <top style="thin">
        <color indexed="64"/>
      </top>
      <bottom/>
      <diagonal/>
    </border>
    <border>
      <left style="thin">
        <color indexed="64"/>
      </left>
      <right/>
      <top style="hair">
        <color indexed="64"/>
      </top>
      <bottom/>
      <diagonal/>
    </border>
    <border>
      <left/>
      <right/>
      <top style="hair">
        <color indexed="64"/>
      </top>
      <bottom/>
      <diagonal/>
    </border>
    <border>
      <left style="hair">
        <color indexed="64"/>
      </left>
      <right style="thin">
        <color indexed="64"/>
      </right>
      <top style="hair">
        <color indexed="64"/>
      </top>
      <bottom/>
      <diagonal/>
    </border>
    <border>
      <left/>
      <right style="hair">
        <color indexed="64"/>
      </right>
      <top style="hair">
        <color indexed="64"/>
      </top>
      <bottom/>
      <diagonal/>
    </border>
    <border>
      <left style="thin">
        <color indexed="64"/>
      </left>
      <right/>
      <top/>
      <bottom style="hair">
        <color indexed="64"/>
      </bottom>
      <diagonal/>
    </border>
    <border>
      <left/>
      <right/>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right style="thin">
        <color indexed="64"/>
      </right>
      <top/>
      <bottom style="hair">
        <color indexed="64"/>
      </bottom>
      <diagonal/>
    </border>
    <border>
      <left/>
      <right style="thin">
        <color indexed="64"/>
      </right>
      <top/>
      <bottom/>
      <diagonal/>
    </border>
    <border>
      <left/>
      <right style="thin">
        <color indexed="64"/>
      </right>
      <top/>
      <bottom style="thin">
        <color indexed="64"/>
      </bottom>
      <diagonal/>
    </border>
  </borders>
  <cellStyleXfs count="5">
    <xf numFmtId="0" fontId="0" fillId="0" borderId="0"/>
    <xf numFmtId="0" fontId="1" fillId="0" borderId="0"/>
    <xf numFmtId="38" fontId="7" fillId="0" borderId="0" applyFont="0" applyFill="0" applyBorder="0" applyAlignment="0" applyProtection="0"/>
    <xf numFmtId="0" fontId="1" fillId="0" borderId="0"/>
    <xf numFmtId="0" fontId="1" fillId="0" borderId="0"/>
  </cellStyleXfs>
  <cellXfs count="137">
    <xf numFmtId="0" fontId="0" fillId="0" borderId="0" xfId="0"/>
    <xf numFmtId="0" fontId="2" fillId="0" borderId="0" xfId="0" applyFont="1" applyAlignment="1">
      <alignment vertical="center" wrapText="1"/>
    </xf>
    <xf numFmtId="0" fontId="4" fillId="0" borderId="0" xfId="0" applyFont="1" applyAlignment="1">
      <alignment vertical="top"/>
    </xf>
    <xf numFmtId="0" fontId="5" fillId="0" borderId="0" xfId="0" applyFont="1" applyAlignment="1">
      <alignment vertical="top" wrapText="1"/>
    </xf>
    <xf numFmtId="176" fontId="4" fillId="0" borderId="0" xfId="0" applyNumberFormat="1" applyFont="1" applyAlignment="1">
      <alignment vertical="top"/>
    </xf>
    <xf numFmtId="0" fontId="4" fillId="0" borderId="0" xfId="1" applyFont="1"/>
    <xf numFmtId="0" fontId="5" fillId="0" borderId="0" xfId="0" applyFont="1" applyAlignment="1">
      <alignment vertical="top"/>
    </xf>
    <xf numFmtId="177" fontId="4" fillId="0" borderId="0" xfId="0" applyNumberFormat="1" applyFont="1" applyAlignment="1">
      <alignment vertical="top"/>
    </xf>
    <xf numFmtId="178" fontId="4" fillId="0" borderId="0" xfId="0" applyNumberFormat="1" applyFont="1" applyAlignment="1">
      <alignment vertical="top"/>
    </xf>
    <xf numFmtId="0" fontId="4" fillId="0" borderId="0" xfId="0" applyFont="1"/>
    <xf numFmtId="177" fontId="4" fillId="0" borderId="0" xfId="0" applyNumberFormat="1" applyFont="1"/>
    <xf numFmtId="178" fontId="4" fillId="0" borderId="0" xfId="0" applyNumberFormat="1" applyFont="1"/>
    <xf numFmtId="176" fontId="4" fillId="0" borderId="0" xfId="0" applyNumberFormat="1" applyFont="1"/>
    <xf numFmtId="0" fontId="4" fillId="0" borderId="1" xfId="0" applyFont="1" applyBorder="1"/>
    <xf numFmtId="0" fontId="4" fillId="0" borderId="2" xfId="0" applyFont="1" applyBorder="1"/>
    <xf numFmtId="177" fontId="4" fillId="0" borderId="2" xfId="2" applyNumberFormat="1" applyFont="1" applyFill="1" applyBorder="1" applyAlignment="1">
      <alignment horizontal="center"/>
    </xf>
    <xf numFmtId="0" fontId="4" fillId="0" borderId="2" xfId="3" applyFont="1" applyBorder="1" applyAlignment="1">
      <alignment horizontal="center" vertical="center"/>
    </xf>
    <xf numFmtId="0" fontId="4" fillId="0" borderId="2" xfId="0" applyFont="1" applyBorder="1" applyAlignment="1">
      <alignment horizontal="center"/>
    </xf>
    <xf numFmtId="177" fontId="4" fillId="0" borderId="3" xfId="0" applyNumberFormat="1" applyFont="1" applyBorder="1" applyAlignment="1">
      <alignment horizontal="center"/>
    </xf>
    <xf numFmtId="0" fontId="4" fillId="0" borderId="4" xfId="0" applyFont="1" applyBorder="1"/>
    <xf numFmtId="177" fontId="4" fillId="0" borderId="5" xfId="2" applyNumberFormat="1" applyFont="1" applyFill="1" applyBorder="1" applyAlignment="1">
      <alignment horizontal="center" vertical="center"/>
    </xf>
    <xf numFmtId="177" fontId="4" fillId="0" borderId="6" xfId="0" applyNumberFormat="1" applyFont="1" applyBorder="1" applyAlignment="1">
      <alignment horizontal="center" vertical="center"/>
    </xf>
    <xf numFmtId="177" fontId="8" fillId="0" borderId="6" xfId="0" applyNumberFormat="1" applyFont="1" applyBorder="1" applyAlignment="1">
      <alignment horizontal="center" vertical="center"/>
    </xf>
    <xf numFmtId="56" fontId="8" fillId="0" borderId="5" xfId="0" applyNumberFormat="1" applyFont="1" applyBorder="1" applyAlignment="1">
      <alignment horizontal="center" vertical="center" shrinkToFit="1"/>
    </xf>
    <xf numFmtId="56" fontId="8" fillId="0" borderId="6" xfId="0" applyNumberFormat="1" applyFont="1" applyBorder="1" applyAlignment="1">
      <alignment horizontal="center"/>
    </xf>
    <xf numFmtId="56" fontId="9" fillId="0" borderId="7" xfId="1" applyNumberFormat="1" applyFont="1" applyBorder="1" applyAlignment="1">
      <alignment horizontal="centerContinuous" vertical="center"/>
    </xf>
    <xf numFmtId="0" fontId="4" fillId="0" borderId="7" xfId="1" applyFont="1" applyBorder="1" applyAlignment="1">
      <alignment horizontal="centerContinuous" vertical="center"/>
    </xf>
    <xf numFmtId="56" fontId="4" fillId="0" borderId="5" xfId="0" quotePrefix="1" applyNumberFormat="1" applyFont="1" applyBorder="1" applyAlignment="1">
      <alignment horizontal="center" vertical="center"/>
    </xf>
    <xf numFmtId="177" fontId="4" fillId="0" borderId="9" xfId="2" applyNumberFormat="1" applyFont="1" applyFill="1" applyBorder="1" applyAlignment="1">
      <alignment horizontal="center" vertical="center"/>
    </xf>
    <xf numFmtId="177" fontId="4" fillId="0" borderId="10" xfId="0" applyNumberFormat="1" applyFont="1" applyBorder="1" applyAlignment="1">
      <alignment horizontal="center" vertical="center"/>
    </xf>
    <xf numFmtId="177" fontId="8" fillId="0" borderId="10" xfId="0" applyNumberFormat="1" applyFont="1" applyBorder="1" applyAlignment="1">
      <alignment horizontal="center" vertical="center"/>
    </xf>
    <xf numFmtId="177" fontId="4" fillId="0" borderId="9" xfId="0" applyNumberFormat="1" applyFont="1" applyBorder="1" applyAlignment="1">
      <alignment horizontal="center" vertical="center"/>
    </xf>
    <xf numFmtId="0" fontId="9" fillId="0" borderId="6" xfId="1" applyFont="1" applyBorder="1" applyAlignment="1">
      <alignment horizontal="center" vertical="center"/>
    </xf>
    <xf numFmtId="0" fontId="4" fillId="0" borderId="6" xfId="1" applyFont="1" applyBorder="1" applyAlignment="1">
      <alignment horizontal="centerContinuous" vertical="center"/>
    </xf>
    <xf numFmtId="0" fontId="4" fillId="0" borderId="9" xfId="0" applyFont="1" applyBorder="1" applyAlignment="1">
      <alignment horizontal="center" vertical="center"/>
    </xf>
    <xf numFmtId="0" fontId="4" fillId="0" borderId="0" xfId="0" applyFont="1" applyAlignment="1">
      <alignment horizontal="center"/>
    </xf>
    <xf numFmtId="0" fontId="4" fillId="0" borderId="11" xfId="0" applyFont="1" applyBorder="1" applyAlignment="1">
      <alignment horizontal="center"/>
    </xf>
    <xf numFmtId="177" fontId="8" fillId="0" borderId="10" xfId="0" applyNumberFormat="1" applyFont="1" applyBorder="1" applyAlignment="1">
      <alignment horizontal="center" vertical="center" shrinkToFit="1"/>
    </xf>
    <xf numFmtId="0" fontId="9" fillId="0" borderId="10" xfId="1" applyFont="1" applyBorder="1" applyAlignment="1">
      <alignment horizontal="center" vertical="center"/>
    </xf>
    <xf numFmtId="0" fontId="4" fillId="0" borderId="10" xfId="1" applyFont="1" applyBorder="1" applyAlignment="1">
      <alignment horizontal="center" vertical="center"/>
    </xf>
    <xf numFmtId="0" fontId="4" fillId="0" borderId="12" xfId="0" applyFont="1" applyBorder="1"/>
    <xf numFmtId="0" fontId="4" fillId="0" borderId="13" xfId="0" applyFont="1" applyBorder="1" applyAlignment="1">
      <alignment horizontal="center"/>
    </xf>
    <xf numFmtId="0" fontId="4" fillId="0" borderId="14" xfId="0" applyFont="1" applyBorder="1" applyAlignment="1">
      <alignment horizontal="center"/>
    </xf>
    <xf numFmtId="177" fontId="4" fillId="0" borderId="15" xfId="2" applyNumberFormat="1" applyFont="1" applyFill="1" applyBorder="1" applyAlignment="1">
      <alignment horizontal="center" vertical="center"/>
    </xf>
    <xf numFmtId="0" fontId="4" fillId="0" borderId="16" xfId="0" applyFont="1" applyBorder="1" applyAlignment="1">
      <alignment vertical="center"/>
    </xf>
    <xf numFmtId="0" fontId="4" fillId="0" borderId="15" xfId="0" applyFont="1" applyBorder="1" applyAlignment="1">
      <alignment horizontal="center" vertical="center"/>
    </xf>
    <xf numFmtId="0" fontId="4" fillId="0" borderId="16" xfId="1" applyFont="1" applyBorder="1" applyAlignment="1">
      <alignment vertical="center"/>
    </xf>
    <xf numFmtId="0" fontId="4" fillId="0" borderId="16" xfId="1" applyFont="1" applyBorder="1" applyAlignment="1">
      <alignment horizontal="center" vertical="center"/>
    </xf>
    <xf numFmtId="177" fontId="4" fillId="0" borderId="17" xfId="0" applyNumberFormat="1" applyFont="1" applyBorder="1" applyAlignment="1">
      <alignment horizontal="center"/>
    </xf>
    <xf numFmtId="177" fontId="4" fillId="0" borderId="18" xfId="2" applyNumberFormat="1" applyFont="1" applyFill="1" applyBorder="1" applyAlignment="1">
      <alignment horizontal="center"/>
    </xf>
    <xf numFmtId="177" fontId="4" fillId="0" borderId="19" xfId="0" applyNumberFormat="1" applyFont="1" applyBorder="1" applyAlignment="1">
      <alignment horizontal="center"/>
    </xf>
    <xf numFmtId="177" fontId="4" fillId="0" borderId="9" xfId="0" applyNumberFormat="1" applyFont="1" applyBorder="1"/>
    <xf numFmtId="179" fontId="4" fillId="0" borderId="0" xfId="0" applyNumberFormat="1" applyFont="1" applyAlignment="1">
      <alignment horizontal="right"/>
    </xf>
    <xf numFmtId="180" fontId="4" fillId="0" borderId="0" xfId="3" applyNumberFormat="1" applyFont="1" applyAlignment="1">
      <alignment horizontal="right"/>
    </xf>
    <xf numFmtId="178" fontId="4" fillId="0" borderId="0" xfId="0" applyNumberFormat="1" applyFont="1" applyAlignment="1">
      <alignment horizontal="right"/>
    </xf>
    <xf numFmtId="181" fontId="4" fillId="0" borderId="8" xfId="0" applyNumberFormat="1" applyFont="1" applyBorder="1"/>
    <xf numFmtId="0" fontId="10" fillId="0" borderId="0" xfId="0" applyFont="1" applyAlignment="1">
      <alignment horizontal="center"/>
    </xf>
    <xf numFmtId="177" fontId="4" fillId="0" borderId="0" xfId="0" applyNumberFormat="1" applyFont="1" applyAlignment="1">
      <alignment horizontal="center"/>
    </xf>
    <xf numFmtId="0" fontId="4" fillId="0" borderId="20" xfId="0" applyFont="1" applyBorder="1"/>
    <xf numFmtId="0" fontId="10" fillId="0" borderId="21" xfId="0" applyFont="1" applyBorder="1" applyAlignment="1">
      <alignment horizontal="center"/>
    </xf>
    <xf numFmtId="177" fontId="4" fillId="0" borderId="5" xfId="0" applyNumberFormat="1" applyFont="1" applyBorder="1"/>
    <xf numFmtId="177" fontId="4" fillId="0" borderId="21" xfId="0" applyNumberFormat="1" applyFont="1" applyBorder="1" applyAlignment="1">
      <alignment horizontal="center"/>
    </xf>
    <xf numFmtId="177" fontId="4" fillId="0" borderId="21" xfId="0" applyNumberFormat="1" applyFont="1" applyBorder="1"/>
    <xf numFmtId="179" fontId="4" fillId="0" borderId="21" xfId="0" applyNumberFormat="1" applyFont="1" applyBorder="1" applyAlignment="1">
      <alignment horizontal="right"/>
    </xf>
    <xf numFmtId="178" fontId="4" fillId="0" borderId="21" xfId="0" applyNumberFormat="1" applyFont="1" applyBorder="1"/>
    <xf numFmtId="181" fontId="4" fillId="0" borderId="22" xfId="0" applyNumberFormat="1" applyFont="1" applyBorder="1"/>
    <xf numFmtId="177" fontId="10" fillId="0" borderId="9" xfId="0" applyNumberFormat="1" applyFont="1" applyBorder="1"/>
    <xf numFmtId="177" fontId="10" fillId="0" borderId="0" xfId="0" applyNumberFormat="1" applyFont="1"/>
    <xf numFmtId="177" fontId="10" fillId="0" borderId="0" xfId="0" applyNumberFormat="1" applyFont="1" applyAlignment="1">
      <alignment horizontal="right"/>
    </xf>
    <xf numFmtId="179" fontId="10" fillId="0" borderId="0" xfId="0" applyNumberFormat="1" applyFont="1" applyAlignment="1">
      <alignment horizontal="right"/>
    </xf>
    <xf numFmtId="178" fontId="10" fillId="0" borderId="0" xfId="0" applyNumberFormat="1" applyFont="1" applyAlignment="1">
      <alignment horizontal="right"/>
    </xf>
    <xf numFmtId="181" fontId="10" fillId="0" borderId="8" xfId="0" applyNumberFormat="1" applyFont="1" applyBorder="1"/>
    <xf numFmtId="0" fontId="10" fillId="0" borderId="13" xfId="0" applyFont="1" applyBorder="1" applyAlignment="1">
      <alignment horizontal="center"/>
    </xf>
    <xf numFmtId="177" fontId="4" fillId="0" borderId="15" xfId="0" applyNumberFormat="1" applyFont="1" applyBorder="1"/>
    <xf numFmtId="177" fontId="4" fillId="0" borderId="13" xfId="0" applyNumberFormat="1" applyFont="1" applyBorder="1" applyAlignment="1">
      <alignment horizontal="center"/>
    </xf>
    <xf numFmtId="177" fontId="4" fillId="0" borderId="13" xfId="0" applyNumberFormat="1" applyFont="1" applyBorder="1"/>
    <xf numFmtId="179" fontId="4" fillId="0" borderId="13" xfId="0" applyNumberFormat="1" applyFont="1" applyBorder="1" applyAlignment="1">
      <alignment horizontal="right"/>
    </xf>
    <xf numFmtId="178" fontId="4" fillId="0" borderId="13" xfId="0" applyNumberFormat="1" applyFont="1" applyBorder="1"/>
    <xf numFmtId="177" fontId="4" fillId="0" borderId="17" xfId="0" applyNumberFormat="1" applyFont="1" applyBorder="1"/>
    <xf numFmtId="0" fontId="10" fillId="0" borderId="2" xfId="0" applyFont="1" applyBorder="1" applyAlignment="1">
      <alignment horizontal="center"/>
    </xf>
    <xf numFmtId="177" fontId="4" fillId="0" borderId="2" xfId="0" applyNumberFormat="1" applyFont="1" applyBorder="1"/>
    <xf numFmtId="177" fontId="4" fillId="0" borderId="2" xfId="0" applyNumberFormat="1" applyFont="1" applyBorder="1" applyAlignment="1">
      <alignment horizontal="center"/>
    </xf>
    <xf numFmtId="179" fontId="4" fillId="0" borderId="2" xfId="0" applyNumberFormat="1" applyFont="1" applyBorder="1" applyAlignment="1">
      <alignment horizontal="right"/>
    </xf>
    <xf numFmtId="178" fontId="4" fillId="0" borderId="2" xfId="0" applyNumberFormat="1" applyFont="1" applyBorder="1"/>
    <xf numFmtId="0" fontId="0" fillId="0" borderId="0" xfId="0" applyAlignment="1">
      <alignment horizontal="left"/>
    </xf>
    <xf numFmtId="0" fontId="11" fillId="0" borderId="0" xfId="0" applyFont="1"/>
    <xf numFmtId="177" fontId="4" fillId="0" borderId="2" xfId="3" applyNumberFormat="1" applyFont="1" applyBorder="1"/>
    <xf numFmtId="49" fontId="9" fillId="0" borderId="5" xfId="1" applyNumberFormat="1" applyFont="1" applyBorder="1" applyAlignment="1">
      <alignment horizontal="centerContinuous" vertical="center" shrinkToFit="1"/>
    </xf>
    <xf numFmtId="49" fontId="4" fillId="0" borderId="21" xfId="1" applyNumberFormat="1" applyFont="1" applyBorder="1" applyAlignment="1">
      <alignment horizontal="center" vertical="center"/>
    </xf>
    <xf numFmtId="0" fontId="4" fillId="0" borderId="23" xfId="1" applyFont="1" applyBorder="1" applyAlignment="1">
      <alignment horizontal="centerContinuous" vertical="center" shrinkToFit="1"/>
    </xf>
    <xf numFmtId="0" fontId="9" fillId="0" borderId="9" xfId="1" applyFont="1" applyBorder="1" applyAlignment="1">
      <alignment horizontal="center" vertical="center"/>
    </xf>
    <xf numFmtId="0" fontId="4" fillId="0" borderId="0" xfId="1" applyFont="1" applyAlignment="1">
      <alignment horizontal="center" vertical="center"/>
    </xf>
    <xf numFmtId="0" fontId="4" fillId="0" borderId="11" xfId="1" applyFont="1" applyBorder="1" applyAlignment="1">
      <alignment horizontal="centerContinuous" vertical="center"/>
    </xf>
    <xf numFmtId="0" fontId="4" fillId="0" borderId="11" xfId="1" applyFont="1" applyBorder="1" applyAlignment="1">
      <alignment horizontal="center" vertical="center"/>
    </xf>
    <xf numFmtId="0" fontId="4" fillId="0" borderId="15" xfId="1" applyFont="1" applyBorder="1" applyAlignment="1">
      <alignment vertical="center"/>
    </xf>
    <xf numFmtId="0" fontId="4" fillId="0" borderId="13" xfId="1" applyFont="1" applyBorder="1" applyAlignment="1">
      <alignment vertical="center"/>
    </xf>
    <xf numFmtId="0" fontId="4" fillId="0" borderId="14" xfId="1" applyFont="1" applyBorder="1" applyAlignment="1">
      <alignment horizontal="center" vertical="center"/>
    </xf>
    <xf numFmtId="177" fontId="4" fillId="0" borderId="0" xfId="0" applyNumberFormat="1" applyFont="1" applyAlignment="1">
      <alignment horizontal="right"/>
    </xf>
    <xf numFmtId="181" fontId="4" fillId="0" borderId="8" xfId="0" applyNumberFormat="1" applyFont="1" applyBorder="1" applyAlignment="1">
      <alignment horizontal="right"/>
    </xf>
    <xf numFmtId="0" fontId="4" fillId="0" borderId="0" xfId="0" applyFont="1" applyAlignment="1">
      <alignment horizontal="right"/>
    </xf>
    <xf numFmtId="177" fontId="4" fillId="0" borderId="18" xfId="2" applyNumberFormat="1" applyFont="1" applyFill="1" applyBorder="1" applyAlignment="1">
      <alignment horizontal="right"/>
    </xf>
    <xf numFmtId="0" fontId="4" fillId="0" borderId="0" xfId="0" applyFont="1" applyAlignment="1">
      <alignment horizontal="left"/>
    </xf>
    <xf numFmtId="178" fontId="4" fillId="0" borderId="8" xfId="0" applyNumberFormat="1" applyFont="1" applyBorder="1" applyAlignment="1">
      <alignment horizontal="right"/>
    </xf>
    <xf numFmtId="177" fontId="4" fillId="0" borderId="8" xfId="0" applyNumberFormat="1" applyFont="1" applyBorder="1"/>
    <xf numFmtId="177" fontId="4" fillId="0" borderId="22" xfId="0" applyNumberFormat="1" applyFont="1" applyBorder="1"/>
    <xf numFmtId="0" fontId="9" fillId="0" borderId="0" xfId="0" applyFont="1"/>
    <xf numFmtId="182" fontId="4" fillId="0" borderId="17" xfId="0" applyNumberFormat="1" applyFont="1" applyBorder="1"/>
    <xf numFmtId="0" fontId="9" fillId="0" borderId="0" xfId="0" applyFont="1" applyAlignment="1">
      <alignment vertical="center"/>
    </xf>
    <xf numFmtId="0" fontId="10" fillId="0" borderId="0" xfId="0" applyFont="1"/>
    <xf numFmtId="178" fontId="10" fillId="0" borderId="8" xfId="0" applyNumberFormat="1" applyFont="1" applyBorder="1"/>
    <xf numFmtId="181" fontId="4" fillId="0" borderId="17" xfId="0" applyNumberFormat="1" applyFont="1" applyBorder="1"/>
    <xf numFmtId="0" fontId="4" fillId="0" borderId="0" xfId="4" applyFont="1"/>
    <xf numFmtId="0" fontId="4" fillId="0" borderId="4" xfId="1" applyFont="1" applyBorder="1"/>
    <xf numFmtId="0" fontId="4" fillId="0" borderId="24" xfId="1" applyFont="1" applyBorder="1"/>
    <xf numFmtId="0" fontId="4" fillId="0" borderId="25" xfId="1" applyFont="1" applyBorder="1"/>
    <xf numFmtId="0" fontId="10" fillId="0" borderId="25" xfId="1" applyFont="1" applyBorder="1" applyAlignment="1">
      <alignment horizontal="center"/>
    </xf>
    <xf numFmtId="0" fontId="4" fillId="0" borderId="26" xfId="0" applyFont="1" applyBorder="1"/>
    <xf numFmtId="0" fontId="4" fillId="0" borderId="25" xfId="0" applyFont="1" applyBorder="1"/>
    <xf numFmtId="0" fontId="4" fillId="0" borderId="27" xfId="0" applyFont="1" applyBorder="1" applyAlignment="1">
      <alignment horizontal="right"/>
    </xf>
    <xf numFmtId="0" fontId="4" fillId="0" borderId="28" xfId="0" applyFont="1" applyBorder="1"/>
    <xf numFmtId="0" fontId="10" fillId="0" borderId="0" xfId="1" applyFont="1" applyAlignment="1">
      <alignment horizontal="center"/>
    </xf>
    <xf numFmtId="0" fontId="4" fillId="0" borderId="9" xfId="0" applyFont="1" applyBorder="1"/>
    <xf numFmtId="0" fontId="4" fillId="0" borderId="11" xfId="0" applyFont="1" applyBorder="1" applyAlignment="1">
      <alignment horizontal="right"/>
    </xf>
    <xf numFmtId="0" fontId="4" fillId="0" borderId="29" xfId="0" applyFont="1" applyBorder="1"/>
    <xf numFmtId="0" fontId="4" fillId="0" borderId="12" xfId="1" applyFont="1" applyBorder="1"/>
    <xf numFmtId="0" fontId="4" fillId="0" borderId="13" xfId="1" applyFont="1" applyBorder="1"/>
    <xf numFmtId="0" fontId="4" fillId="0" borderId="15" xfId="0" applyFont="1" applyBorder="1"/>
    <xf numFmtId="0" fontId="4" fillId="0" borderId="13" xfId="0" applyFont="1" applyBorder="1"/>
    <xf numFmtId="0" fontId="4" fillId="0" borderId="14" xfId="0" applyFont="1" applyBorder="1"/>
    <xf numFmtId="0" fontId="4" fillId="0" borderId="30" xfId="0" applyFont="1" applyBorder="1"/>
    <xf numFmtId="177" fontId="4" fillId="0" borderId="8" xfId="0" applyNumberFormat="1" applyFont="1" applyBorder="1" applyAlignment="1">
      <alignment horizontal="center" vertical="center" wrapText="1"/>
    </xf>
    <xf numFmtId="0" fontId="10" fillId="0" borderId="0" xfId="1" applyFont="1" applyAlignment="1">
      <alignment horizontal="center"/>
    </xf>
    <xf numFmtId="0" fontId="10" fillId="0" borderId="0" xfId="0" applyFont="1" applyAlignment="1">
      <alignment horizontal="center"/>
    </xf>
    <xf numFmtId="0" fontId="10" fillId="0" borderId="11" xfId="0" applyFont="1" applyBorder="1" applyAlignment="1">
      <alignment horizontal="center"/>
    </xf>
    <xf numFmtId="0" fontId="9" fillId="0" borderId="2" xfId="0" applyFont="1" applyBorder="1" applyAlignment="1">
      <alignment horizontal="left" vertical="top" wrapText="1"/>
    </xf>
    <xf numFmtId="0" fontId="2" fillId="0" borderId="0" xfId="0" applyFont="1" applyAlignment="1">
      <alignment horizontal="left" vertical="top" wrapText="1"/>
    </xf>
    <xf numFmtId="0" fontId="9" fillId="0" borderId="2" xfId="0" applyFont="1" applyBorder="1" applyAlignment="1">
      <alignment horizontal="left"/>
    </xf>
  </cellXfs>
  <cellStyles count="5">
    <cellStyle name="桁区切り 2" xfId="2" xr:uid="{3217FABD-4615-4AB0-BC9E-F1FDC2D348FA}"/>
    <cellStyle name="標準" xfId="0" builtinId="0"/>
    <cellStyle name="標準_H22後期志願枠組み（定）" xfId="4" xr:uid="{11C28519-9C70-4CF6-8A8C-8C874D70E7B5}"/>
    <cellStyle name="標準_H22後期枠組み" xfId="3" xr:uid="{9B34B193-7596-44AD-9A3A-1477C1F21448}"/>
    <cellStyle name="標準_H22前期枠組み" xfId="1" xr:uid="{84431943-B285-4639-81F4-422A8BA8F46C}"/>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2</xdr:col>
      <xdr:colOff>582930</xdr:colOff>
      <xdr:row>0</xdr:row>
      <xdr:rowOff>0</xdr:rowOff>
    </xdr:from>
    <xdr:to>
      <xdr:col>14</xdr:col>
      <xdr:colOff>1536</xdr:colOff>
      <xdr:row>0</xdr:row>
      <xdr:rowOff>349250</xdr:rowOff>
    </xdr:to>
    <xdr:sp macro="" textlink="">
      <xdr:nvSpPr>
        <xdr:cNvPr id="2" name="テキスト ボックス 1">
          <a:extLst>
            <a:ext uri="{FF2B5EF4-FFF2-40B4-BE49-F238E27FC236}">
              <a16:creationId xmlns:a16="http://schemas.microsoft.com/office/drawing/2014/main" id="{0D519CE9-ED57-45C2-98C4-48B7A55E5CF9}"/>
            </a:ext>
          </a:extLst>
        </xdr:cNvPr>
        <xdr:cNvSpPr txBox="1"/>
      </xdr:nvSpPr>
      <xdr:spPr>
        <a:xfrm>
          <a:off x="8241030" y="0"/>
          <a:ext cx="856881" cy="34925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a:latin typeface="ＭＳ Ｐ明朝" panose="02020600040205080304" pitchFamily="18" charset="-128"/>
              <a:ea typeface="ＭＳ Ｐ明朝" panose="02020600040205080304" pitchFamily="18" charset="-128"/>
            </a:rPr>
            <a:t>別紙３</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2D5031F-E401-45D2-83BC-1D24C3FAA45E}">
  <sheetPr>
    <pageSetUpPr fitToPage="1"/>
  </sheetPr>
  <dimension ref="A1:O108"/>
  <sheetViews>
    <sheetView tabSelected="1" view="pageBreakPreview" zoomScale="85" zoomScaleNormal="85" zoomScaleSheetLayoutView="85" workbookViewId="0"/>
  </sheetViews>
  <sheetFormatPr defaultColWidth="9" defaultRowHeight="13.5" x14ac:dyDescent="0.15"/>
  <cols>
    <col min="1" max="1" width="1.125" style="9" customWidth="1"/>
    <col min="2" max="2" width="1.5" style="9" customWidth="1"/>
    <col min="3" max="3" width="21.625" style="9" bestFit="1" customWidth="1"/>
    <col min="4" max="4" width="14.375" style="9" bestFit="1" customWidth="1"/>
    <col min="5" max="5" width="7.875" style="9" bestFit="1" customWidth="1"/>
    <col min="6" max="6" width="9" style="9"/>
    <col min="7" max="7" width="9.625" style="9" customWidth="1"/>
    <col min="8" max="8" width="10" style="9" customWidth="1"/>
    <col min="9" max="9" width="9.5" style="9" customWidth="1"/>
    <col min="10" max="11" width="5" style="9" bestFit="1" customWidth="1"/>
    <col min="12" max="12" width="5.875" style="9" customWidth="1"/>
    <col min="13" max="13" width="8.875" style="9" customWidth="1"/>
    <col min="14" max="14" width="10" style="9" customWidth="1"/>
    <col min="15" max="15" width="1.375" style="9" customWidth="1"/>
    <col min="16" max="16384" width="9" style="9"/>
  </cols>
  <sheetData>
    <row r="1" spans="2:15" s="2" customFormat="1" ht="38.1" customHeight="1" x14ac:dyDescent="0.15">
      <c r="B1" s="135" t="s">
        <v>0</v>
      </c>
      <c r="C1" s="135"/>
      <c r="D1" s="135"/>
      <c r="E1" s="135"/>
      <c r="F1" s="135"/>
      <c r="G1" s="135"/>
      <c r="H1" s="135"/>
      <c r="I1" s="135"/>
      <c r="J1" s="135"/>
      <c r="K1" s="135"/>
      <c r="L1" s="135"/>
      <c r="M1" s="135"/>
      <c r="N1" s="1"/>
    </row>
    <row r="2" spans="2:15" s="2" customFormat="1" ht="14.1" customHeight="1" x14ac:dyDescent="0.15">
      <c r="B2" s="3"/>
      <c r="C2" s="3"/>
      <c r="D2" s="3"/>
      <c r="E2" s="3"/>
      <c r="F2" s="3"/>
      <c r="G2" s="3"/>
      <c r="H2" s="3"/>
      <c r="I2" s="3"/>
      <c r="J2" s="3"/>
      <c r="K2" s="3"/>
      <c r="L2" s="3"/>
      <c r="M2" s="3"/>
      <c r="N2" s="4"/>
    </row>
    <row r="3" spans="2:15" s="2" customFormat="1" ht="14.25" x14ac:dyDescent="0.15">
      <c r="B3" s="5" t="s">
        <v>1</v>
      </c>
      <c r="C3" s="6"/>
      <c r="E3" s="7"/>
      <c r="F3" s="7"/>
      <c r="G3" s="7"/>
      <c r="H3" s="7"/>
      <c r="I3" s="7"/>
      <c r="J3" s="7"/>
      <c r="K3" s="7"/>
      <c r="M3" s="8"/>
      <c r="N3" s="4"/>
    </row>
    <row r="4" spans="2:15" x14ac:dyDescent="0.15">
      <c r="B4" s="9" t="s">
        <v>2</v>
      </c>
      <c r="E4" s="10"/>
      <c r="F4" s="10"/>
      <c r="G4" s="10"/>
      <c r="H4" s="10"/>
      <c r="I4" s="10"/>
      <c r="J4" s="10"/>
      <c r="K4" s="10"/>
      <c r="M4" s="11"/>
      <c r="N4" s="12"/>
    </row>
    <row r="5" spans="2:15" ht="7.5" customHeight="1" x14ac:dyDescent="0.15">
      <c r="B5" s="13"/>
      <c r="C5" s="14"/>
      <c r="D5" s="14"/>
      <c r="E5" s="15"/>
      <c r="F5" s="14"/>
      <c r="G5" s="14"/>
      <c r="H5" s="14"/>
      <c r="I5" s="14"/>
      <c r="J5" s="16"/>
      <c r="K5" s="16"/>
      <c r="L5" s="16"/>
      <c r="M5" s="17"/>
      <c r="N5" s="18"/>
      <c r="O5" s="19"/>
    </row>
    <row r="6" spans="2:15" ht="14.25" customHeight="1" x14ac:dyDescent="0.15">
      <c r="B6" s="19"/>
      <c r="E6" s="20" t="s">
        <v>3</v>
      </c>
      <c r="F6" s="21" t="s">
        <v>4</v>
      </c>
      <c r="G6" s="22" t="s">
        <v>5</v>
      </c>
      <c r="H6" s="23" t="s">
        <v>6</v>
      </c>
      <c r="I6" s="24" t="s">
        <v>7</v>
      </c>
      <c r="J6" s="25" t="s">
        <v>8</v>
      </c>
      <c r="K6" s="26"/>
      <c r="L6" s="26"/>
      <c r="M6" s="27" t="s">
        <v>9</v>
      </c>
      <c r="N6" s="130" t="s">
        <v>10</v>
      </c>
      <c r="O6" s="19"/>
    </row>
    <row r="7" spans="2:15" ht="14.25" customHeight="1" x14ac:dyDescent="0.15">
      <c r="B7" s="19"/>
      <c r="C7" s="9" t="s">
        <v>11</v>
      </c>
      <c r="D7" s="9" t="s">
        <v>12</v>
      </c>
      <c r="E7" s="28" t="s">
        <v>13</v>
      </c>
      <c r="F7" s="29" t="s">
        <v>14</v>
      </c>
      <c r="G7" s="30" t="s">
        <v>4</v>
      </c>
      <c r="H7" s="31" t="s">
        <v>15</v>
      </c>
      <c r="I7" s="30" t="s">
        <v>4</v>
      </c>
      <c r="J7" s="32" t="s">
        <v>16</v>
      </c>
      <c r="K7" s="32" t="s">
        <v>16</v>
      </c>
      <c r="L7" s="33" t="s">
        <v>17</v>
      </c>
      <c r="M7" s="34" t="s">
        <v>18</v>
      </c>
      <c r="N7" s="130"/>
      <c r="O7" s="19"/>
    </row>
    <row r="8" spans="2:15" ht="14.25" customHeight="1" x14ac:dyDescent="0.15">
      <c r="B8" s="19"/>
      <c r="C8" s="35"/>
      <c r="D8" s="36"/>
      <c r="E8" s="28"/>
      <c r="F8" s="29"/>
      <c r="G8" s="37" t="s">
        <v>19</v>
      </c>
      <c r="H8" s="31" t="s">
        <v>20</v>
      </c>
      <c r="I8" s="37" t="s">
        <v>19</v>
      </c>
      <c r="J8" s="38" t="s">
        <v>21</v>
      </c>
      <c r="K8" s="38" t="s">
        <v>22</v>
      </c>
      <c r="L8" s="39" t="s">
        <v>23</v>
      </c>
      <c r="M8" s="34" t="s">
        <v>24</v>
      </c>
      <c r="N8" s="130"/>
      <c r="O8" s="19"/>
    </row>
    <row r="9" spans="2:15" ht="7.5" customHeight="1" x14ac:dyDescent="0.15">
      <c r="B9" s="40"/>
      <c r="C9" s="41"/>
      <c r="D9" s="42"/>
      <c r="E9" s="43"/>
      <c r="F9" s="44"/>
      <c r="G9" s="44"/>
      <c r="H9" s="45"/>
      <c r="I9" s="44"/>
      <c r="J9" s="46"/>
      <c r="K9" s="46"/>
      <c r="L9" s="47"/>
      <c r="M9" s="45"/>
      <c r="N9" s="48"/>
      <c r="O9" s="19"/>
    </row>
    <row r="10" spans="2:15" ht="7.5" customHeight="1" x14ac:dyDescent="0.15">
      <c r="B10" s="13"/>
      <c r="C10" s="17"/>
      <c r="D10" s="17"/>
      <c r="E10" s="49"/>
      <c r="F10" s="14"/>
      <c r="G10" s="14"/>
      <c r="H10" s="14"/>
      <c r="I10" s="14"/>
      <c r="J10" s="14"/>
      <c r="K10" s="14"/>
      <c r="L10" s="17"/>
      <c r="M10" s="17"/>
      <c r="N10" s="50"/>
      <c r="O10" s="19"/>
    </row>
    <row r="11" spans="2:15" ht="14.25" customHeight="1" x14ac:dyDescent="0.15">
      <c r="B11" s="19"/>
      <c r="C11" s="9" t="s">
        <v>25</v>
      </c>
      <c r="D11" s="9" t="s">
        <v>26</v>
      </c>
      <c r="E11" s="51">
        <v>70</v>
      </c>
      <c r="F11" s="52">
        <v>13</v>
      </c>
      <c r="G11" s="52">
        <v>0</v>
      </c>
      <c r="H11" s="52">
        <v>57</v>
      </c>
      <c r="I11" s="52">
        <v>0</v>
      </c>
      <c r="J11" s="53" t="s">
        <v>27</v>
      </c>
      <c r="K11" s="53" t="s">
        <v>27</v>
      </c>
      <c r="L11" s="52">
        <v>4</v>
      </c>
      <c r="M11" s="54">
        <v>7.0000000000000007E-2</v>
      </c>
      <c r="N11" s="55">
        <v>0.19</v>
      </c>
      <c r="O11" s="19"/>
    </row>
    <row r="12" spans="2:15" ht="14.25" customHeight="1" x14ac:dyDescent="0.15">
      <c r="B12" s="19"/>
      <c r="C12" s="9" t="s">
        <v>28</v>
      </c>
      <c r="D12" s="9" t="s">
        <v>26</v>
      </c>
      <c r="E12" s="51">
        <v>70</v>
      </c>
      <c r="F12" s="52">
        <v>11</v>
      </c>
      <c r="G12" s="52">
        <v>0</v>
      </c>
      <c r="H12" s="52">
        <v>59</v>
      </c>
      <c r="I12" s="52">
        <v>0</v>
      </c>
      <c r="J12" s="53" t="s">
        <v>29</v>
      </c>
      <c r="K12" s="53" t="s">
        <v>29</v>
      </c>
      <c r="L12" s="52">
        <v>1</v>
      </c>
      <c r="M12" s="54">
        <v>0.02</v>
      </c>
      <c r="N12" s="55">
        <v>0.05</v>
      </c>
      <c r="O12" s="19"/>
    </row>
    <row r="13" spans="2:15" ht="14.25" customHeight="1" x14ac:dyDescent="0.15">
      <c r="B13" s="19"/>
      <c r="C13" s="9" t="s">
        <v>30</v>
      </c>
      <c r="D13" s="9" t="s">
        <v>26</v>
      </c>
      <c r="E13" s="51">
        <v>70</v>
      </c>
      <c r="F13" s="52">
        <v>13</v>
      </c>
      <c r="G13" s="52">
        <v>0</v>
      </c>
      <c r="H13" s="52">
        <v>57</v>
      </c>
      <c r="I13" s="52">
        <v>0</v>
      </c>
      <c r="J13" s="53" t="s">
        <v>29</v>
      </c>
      <c r="K13" s="53" t="s">
        <v>29</v>
      </c>
      <c r="L13" s="52">
        <v>1</v>
      </c>
      <c r="M13" s="54">
        <v>0.02</v>
      </c>
      <c r="N13" s="55">
        <v>0.04</v>
      </c>
      <c r="O13" s="19"/>
    </row>
    <row r="14" spans="2:15" ht="14.25" customHeight="1" x14ac:dyDescent="0.15">
      <c r="B14" s="19"/>
      <c r="C14" s="9" t="s">
        <v>31</v>
      </c>
      <c r="D14" s="9" t="s">
        <v>26</v>
      </c>
      <c r="E14" s="51">
        <v>70</v>
      </c>
      <c r="F14" s="52">
        <v>5</v>
      </c>
      <c r="G14" s="52">
        <v>0</v>
      </c>
      <c r="H14" s="52">
        <v>65</v>
      </c>
      <c r="I14" s="52">
        <v>0</v>
      </c>
      <c r="J14" s="53" t="s">
        <v>29</v>
      </c>
      <c r="K14" s="53" t="s">
        <v>29</v>
      </c>
      <c r="L14" s="52">
        <v>3</v>
      </c>
      <c r="M14" s="54">
        <v>0.05</v>
      </c>
      <c r="N14" s="55">
        <v>0.04</v>
      </c>
      <c r="O14" s="19"/>
    </row>
    <row r="15" spans="2:15" ht="21.75" customHeight="1" x14ac:dyDescent="0.15">
      <c r="B15" s="19"/>
      <c r="C15" s="9" t="s">
        <v>32</v>
      </c>
      <c r="D15" s="9" t="s">
        <v>26</v>
      </c>
      <c r="E15" s="51">
        <v>140</v>
      </c>
      <c r="F15" s="52">
        <v>25</v>
      </c>
      <c r="G15" s="52">
        <v>0</v>
      </c>
      <c r="H15" s="52">
        <v>115</v>
      </c>
      <c r="I15" s="52">
        <v>0</v>
      </c>
      <c r="J15" s="53" t="s">
        <v>29</v>
      </c>
      <c r="K15" s="53" t="s">
        <v>29</v>
      </c>
      <c r="L15" s="52">
        <v>3</v>
      </c>
      <c r="M15" s="54">
        <v>0.03</v>
      </c>
      <c r="N15" s="55">
        <v>0.1</v>
      </c>
      <c r="O15" s="19"/>
    </row>
    <row r="16" spans="2:15" ht="14.25" customHeight="1" x14ac:dyDescent="0.15">
      <c r="B16" s="19"/>
      <c r="C16" s="9" t="s">
        <v>33</v>
      </c>
      <c r="D16" s="9" t="s">
        <v>26</v>
      </c>
      <c r="E16" s="51">
        <v>70</v>
      </c>
      <c r="F16" s="52">
        <v>21</v>
      </c>
      <c r="G16" s="52">
        <v>0</v>
      </c>
      <c r="H16" s="52">
        <v>49</v>
      </c>
      <c r="I16" s="52">
        <v>0</v>
      </c>
      <c r="J16" s="53">
        <v>7</v>
      </c>
      <c r="K16" s="53">
        <v>1</v>
      </c>
      <c r="L16" s="52">
        <v>8</v>
      </c>
      <c r="M16" s="54">
        <v>0.16</v>
      </c>
      <c r="N16" s="55">
        <v>0.21</v>
      </c>
      <c r="O16" s="19"/>
    </row>
    <row r="17" spans="1:15" ht="14.25" customHeight="1" x14ac:dyDescent="0.15">
      <c r="B17" s="19"/>
      <c r="C17" s="9" t="s">
        <v>34</v>
      </c>
      <c r="D17" s="9" t="s">
        <v>26</v>
      </c>
      <c r="E17" s="51">
        <v>70</v>
      </c>
      <c r="F17" s="52">
        <v>9</v>
      </c>
      <c r="G17" s="52">
        <v>0</v>
      </c>
      <c r="H17" s="52">
        <v>61</v>
      </c>
      <c r="I17" s="52">
        <v>0</v>
      </c>
      <c r="J17" s="53">
        <v>4</v>
      </c>
      <c r="K17" s="53">
        <v>0</v>
      </c>
      <c r="L17" s="52">
        <v>4</v>
      </c>
      <c r="M17" s="54">
        <v>7.0000000000000007E-2</v>
      </c>
      <c r="N17" s="55">
        <v>0.23</v>
      </c>
      <c r="O17" s="19"/>
    </row>
    <row r="18" spans="1:15" ht="7.5" customHeight="1" x14ac:dyDescent="0.15">
      <c r="B18" s="19"/>
      <c r="C18" s="56"/>
      <c r="D18" s="56"/>
      <c r="E18" s="51"/>
      <c r="F18" s="57"/>
      <c r="G18" s="10"/>
      <c r="H18" s="10"/>
      <c r="I18" s="10"/>
      <c r="J18" s="10"/>
      <c r="K18" s="10"/>
      <c r="L18" s="52"/>
      <c r="M18" s="11"/>
      <c r="N18" s="55"/>
      <c r="O18" s="19"/>
    </row>
    <row r="19" spans="1:15" ht="7.5" customHeight="1" x14ac:dyDescent="0.15">
      <c r="B19" s="58"/>
      <c r="C19" s="59"/>
      <c r="D19" s="59"/>
      <c r="E19" s="60"/>
      <c r="F19" s="61"/>
      <c r="G19" s="62"/>
      <c r="H19" s="62"/>
      <c r="I19" s="62"/>
      <c r="J19" s="62"/>
      <c r="K19" s="62"/>
      <c r="L19" s="63"/>
      <c r="M19" s="64"/>
      <c r="N19" s="65"/>
      <c r="O19" s="19"/>
    </row>
    <row r="20" spans="1:15" ht="14.25" customHeight="1" x14ac:dyDescent="0.15">
      <c r="B20" s="19"/>
      <c r="C20" s="132" t="s">
        <v>35</v>
      </c>
      <c r="D20" s="133"/>
      <c r="E20" s="66">
        <v>560</v>
      </c>
      <c r="F20" s="67">
        <v>97</v>
      </c>
      <c r="G20" s="67">
        <v>0</v>
      </c>
      <c r="H20" s="67">
        <v>463</v>
      </c>
      <c r="I20" s="67">
        <v>0</v>
      </c>
      <c r="J20" s="68" t="s">
        <v>27</v>
      </c>
      <c r="K20" s="68" t="s">
        <v>27</v>
      </c>
      <c r="L20" s="69">
        <v>24</v>
      </c>
      <c r="M20" s="70">
        <v>0.05</v>
      </c>
      <c r="N20" s="71">
        <v>0.13</v>
      </c>
      <c r="O20" s="19"/>
    </row>
    <row r="21" spans="1:15" ht="7.5" customHeight="1" x14ac:dyDescent="0.15">
      <c r="B21" s="40"/>
      <c r="C21" s="72"/>
      <c r="D21" s="72"/>
      <c r="E21" s="73"/>
      <c r="F21" s="74"/>
      <c r="G21" s="75"/>
      <c r="H21" s="75"/>
      <c r="I21" s="75"/>
      <c r="J21" s="75"/>
      <c r="K21" s="75"/>
      <c r="L21" s="76"/>
      <c r="M21" s="77"/>
      <c r="N21" s="78"/>
      <c r="O21" s="19"/>
    </row>
    <row r="22" spans="1:15" ht="7.5" customHeight="1" x14ac:dyDescent="0.15">
      <c r="B22" s="14"/>
      <c r="C22" s="79"/>
      <c r="D22" s="79"/>
      <c r="E22" s="80"/>
      <c r="F22" s="81"/>
      <c r="G22" s="80"/>
      <c r="H22" s="80"/>
      <c r="I22" s="80"/>
      <c r="J22" s="80"/>
      <c r="K22" s="80"/>
      <c r="L22" s="82"/>
      <c r="M22" s="83"/>
      <c r="N22" s="10"/>
    </row>
    <row r="23" spans="1:15" x14ac:dyDescent="0.15">
      <c r="B23"/>
      <c r="D23" s="56"/>
      <c r="E23" s="10"/>
      <c r="F23" s="57"/>
      <c r="G23" s="10"/>
      <c r="H23" s="10"/>
      <c r="I23" s="10"/>
      <c r="J23" s="10"/>
      <c r="K23" s="10"/>
      <c r="L23" s="52"/>
      <c r="M23" s="11"/>
      <c r="N23" s="10"/>
    </row>
    <row r="24" spans="1:15" s="85" customFormat="1" ht="14.25" x14ac:dyDescent="0.2">
      <c r="A24" s="9"/>
      <c r="B24" s="9"/>
      <c r="C24" s="84"/>
      <c r="D24" s="84"/>
      <c r="E24" s="84"/>
      <c r="F24" s="84"/>
      <c r="G24" s="84"/>
      <c r="H24" s="84"/>
      <c r="I24" s="84"/>
      <c r="J24" s="84"/>
      <c r="K24" s="84"/>
      <c r="L24" s="84"/>
      <c r="M24" s="84"/>
      <c r="N24" s="84"/>
      <c r="O24" s="84"/>
    </row>
    <row r="25" spans="1:15" x14ac:dyDescent="0.15">
      <c r="B25" s="9" t="s">
        <v>36</v>
      </c>
      <c r="E25" s="10"/>
      <c r="F25" s="10"/>
      <c r="G25" s="10"/>
      <c r="H25" s="10"/>
      <c r="I25" s="10"/>
      <c r="J25" s="10"/>
      <c r="K25" s="10"/>
      <c r="M25" s="11"/>
      <c r="N25" s="12"/>
    </row>
    <row r="26" spans="1:15" ht="7.5" customHeight="1" x14ac:dyDescent="0.15">
      <c r="B26" s="13"/>
      <c r="C26" s="14"/>
      <c r="D26" s="14"/>
      <c r="E26" s="15"/>
      <c r="F26" s="14"/>
      <c r="G26" s="14"/>
      <c r="H26" s="14"/>
      <c r="I26" s="14"/>
      <c r="J26" s="86"/>
      <c r="K26" s="86"/>
      <c r="L26" s="86"/>
      <c r="M26" s="17"/>
      <c r="N26" s="18"/>
      <c r="O26" s="19"/>
    </row>
    <row r="27" spans="1:15" ht="14.25" customHeight="1" x14ac:dyDescent="0.15">
      <c r="B27" s="19"/>
      <c r="E27" s="20" t="s">
        <v>3</v>
      </c>
      <c r="F27" s="21" t="s">
        <v>4</v>
      </c>
      <c r="G27" s="22" t="s">
        <v>5</v>
      </c>
      <c r="H27" s="23" t="s">
        <v>6</v>
      </c>
      <c r="I27" s="24" t="s">
        <v>7</v>
      </c>
      <c r="J27" s="87"/>
      <c r="K27" s="88" t="s">
        <v>37</v>
      </c>
      <c r="L27" s="89"/>
      <c r="M27" s="27" t="s">
        <v>9</v>
      </c>
      <c r="N27" s="130" t="s">
        <v>10</v>
      </c>
      <c r="O27" s="19"/>
    </row>
    <row r="28" spans="1:15" ht="14.25" customHeight="1" x14ac:dyDescent="0.15">
      <c r="B28" s="19"/>
      <c r="C28" s="9" t="s">
        <v>11</v>
      </c>
      <c r="D28" s="9" t="s">
        <v>12</v>
      </c>
      <c r="E28" s="28" t="s">
        <v>13</v>
      </c>
      <c r="F28" s="29" t="s">
        <v>14</v>
      </c>
      <c r="G28" s="30" t="s">
        <v>4</v>
      </c>
      <c r="H28" s="31" t="s">
        <v>15</v>
      </c>
      <c r="I28" s="30" t="s">
        <v>4</v>
      </c>
      <c r="J28" s="90"/>
      <c r="K28" s="91" t="s">
        <v>38</v>
      </c>
      <c r="L28" s="92"/>
      <c r="M28" s="34" t="s">
        <v>18</v>
      </c>
      <c r="N28" s="130"/>
      <c r="O28" s="19"/>
    </row>
    <row r="29" spans="1:15" ht="14.25" customHeight="1" x14ac:dyDescent="0.15">
      <c r="B29" s="19"/>
      <c r="C29" s="35"/>
      <c r="D29" s="36"/>
      <c r="E29" s="28"/>
      <c r="F29" s="29"/>
      <c r="G29" s="37" t="s">
        <v>19</v>
      </c>
      <c r="H29" s="31" t="s">
        <v>20</v>
      </c>
      <c r="I29" s="37" t="s">
        <v>19</v>
      </c>
      <c r="J29" s="90"/>
      <c r="K29" s="91" t="s">
        <v>39</v>
      </c>
      <c r="L29" s="93"/>
      <c r="M29" s="34" t="s">
        <v>24</v>
      </c>
      <c r="N29" s="130"/>
      <c r="O29" s="19"/>
    </row>
    <row r="30" spans="1:15" ht="7.5" customHeight="1" x14ac:dyDescent="0.15">
      <c r="B30" s="40"/>
      <c r="C30" s="41"/>
      <c r="D30" s="42"/>
      <c r="E30" s="43"/>
      <c r="F30" s="44"/>
      <c r="G30" s="44"/>
      <c r="H30" s="45"/>
      <c r="I30" s="44"/>
      <c r="J30" s="94"/>
      <c r="K30" s="95"/>
      <c r="L30" s="96"/>
      <c r="M30" s="45"/>
      <c r="N30" s="48"/>
      <c r="O30" s="19"/>
    </row>
    <row r="31" spans="1:15" ht="7.5" customHeight="1" x14ac:dyDescent="0.15">
      <c r="B31" s="13"/>
      <c r="C31" s="35"/>
      <c r="D31" s="35"/>
      <c r="E31" s="49"/>
      <c r="L31" s="35"/>
      <c r="M31" s="35"/>
      <c r="N31" s="50"/>
      <c r="O31" s="19"/>
    </row>
    <row r="32" spans="1:15" ht="12.75" customHeight="1" x14ac:dyDescent="0.15">
      <c r="B32" s="19"/>
      <c r="C32" s="9" t="s">
        <v>40</v>
      </c>
      <c r="D32" s="9" t="s">
        <v>41</v>
      </c>
      <c r="E32" s="51">
        <v>35</v>
      </c>
      <c r="F32" s="10">
        <v>2</v>
      </c>
      <c r="G32" s="97">
        <v>0</v>
      </c>
      <c r="H32" s="97">
        <v>33</v>
      </c>
      <c r="I32" s="97">
        <v>0</v>
      </c>
      <c r="J32" s="97"/>
      <c r="K32" s="97"/>
      <c r="L32" s="97">
        <v>2</v>
      </c>
      <c r="M32" s="54">
        <v>0.06</v>
      </c>
      <c r="N32" s="98" t="s">
        <v>42</v>
      </c>
      <c r="O32" s="19"/>
    </row>
    <row r="33" spans="2:15" ht="21.75" customHeight="1" x14ac:dyDescent="0.15">
      <c r="B33" s="19"/>
      <c r="C33" s="9" t="s">
        <v>43</v>
      </c>
      <c r="D33" s="9" t="s">
        <v>44</v>
      </c>
      <c r="E33" s="51">
        <v>35</v>
      </c>
      <c r="F33" s="10">
        <v>14</v>
      </c>
      <c r="G33" s="52">
        <v>0</v>
      </c>
      <c r="H33" s="52">
        <v>21</v>
      </c>
      <c r="I33" s="52">
        <v>0</v>
      </c>
      <c r="J33" s="97"/>
      <c r="K33" s="97"/>
      <c r="L33" s="97">
        <v>7</v>
      </c>
      <c r="M33" s="54">
        <v>0.33</v>
      </c>
      <c r="N33" s="55">
        <v>0.23</v>
      </c>
      <c r="O33" s="19"/>
    </row>
    <row r="34" spans="2:15" ht="7.5" customHeight="1" x14ac:dyDescent="0.15">
      <c r="B34" s="19"/>
      <c r="C34" s="56"/>
      <c r="D34" s="56"/>
      <c r="E34" s="51"/>
      <c r="F34" s="10"/>
      <c r="G34" s="10"/>
      <c r="H34" s="10"/>
      <c r="I34" s="10"/>
      <c r="J34" s="10"/>
      <c r="K34" s="10"/>
      <c r="L34" s="52"/>
      <c r="M34" s="11"/>
      <c r="N34" s="55"/>
      <c r="O34" s="19"/>
    </row>
    <row r="35" spans="2:15" ht="7.5" customHeight="1" x14ac:dyDescent="0.15">
      <c r="B35" s="58"/>
      <c r="C35" s="59"/>
      <c r="D35" s="59"/>
      <c r="E35" s="60"/>
      <c r="F35" s="62"/>
      <c r="G35" s="62"/>
      <c r="H35" s="62"/>
      <c r="I35" s="62"/>
      <c r="J35" s="62"/>
      <c r="K35" s="62"/>
      <c r="L35" s="63"/>
      <c r="M35" s="64"/>
      <c r="N35" s="65"/>
      <c r="O35" s="19"/>
    </row>
    <row r="36" spans="2:15" x14ac:dyDescent="0.15">
      <c r="B36" s="19"/>
      <c r="C36" s="132" t="s">
        <v>35</v>
      </c>
      <c r="D36" s="133"/>
      <c r="E36" s="66">
        <v>70</v>
      </c>
      <c r="F36" s="67">
        <v>16</v>
      </c>
      <c r="G36" s="67">
        <v>0</v>
      </c>
      <c r="H36" s="67">
        <v>54</v>
      </c>
      <c r="I36" s="67">
        <v>0</v>
      </c>
      <c r="J36" s="67"/>
      <c r="K36" s="67"/>
      <c r="L36" s="67">
        <v>9</v>
      </c>
      <c r="M36" s="70">
        <v>0.17</v>
      </c>
      <c r="N36" s="71">
        <v>0.09</v>
      </c>
      <c r="O36" s="19"/>
    </row>
    <row r="37" spans="2:15" ht="7.5" customHeight="1" x14ac:dyDescent="0.15">
      <c r="B37" s="40"/>
      <c r="C37" s="72"/>
      <c r="D37" s="72"/>
      <c r="E37" s="73"/>
      <c r="F37" s="74"/>
      <c r="G37" s="75"/>
      <c r="H37" s="75"/>
      <c r="I37" s="75"/>
      <c r="J37" s="75"/>
      <c r="K37" s="75"/>
      <c r="L37" s="76"/>
      <c r="M37" s="77"/>
      <c r="N37" s="78"/>
      <c r="O37" s="19"/>
    </row>
    <row r="38" spans="2:15" ht="13.5" customHeight="1" x14ac:dyDescent="0.15">
      <c r="B38" s="136" t="s">
        <v>45</v>
      </c>
      <c r="C38" s="136"/>
      <c r="D38" s="136"/>
      <c r="E38" s="136"/>
      <c r="F38" s="136"/>
      <c r="G38" s="136"/>
      <c r="H38" s="136"/>
      <c r="I38" s="136"/>
      <c r="J38" s="136"/>
      <c r="K38" s="136"/>
      <c r="L38" s="99"/>
      <c r="M38" s="11"/>
      <c r="N38" s="10"/>
    </row>
    <row r="39" spans="2:15" ht="11.25" customHeight="1" x14ac:dyDescent="0.15">
      <c r="B39"/>
      <c r="D39" s="56"/>
      <c r="E39" s="10"/>
      <c r="F39" s="57"/>
      <c r="G39" s="10"/>
      <c r="H39" s="10"/>
      <c r="I39" s="10"/>
      <c r="J39" s="10"/>
      <c r="K39" s="10"/>
      <c r="L39" s="99"/>
      <c r="M39" s="11"/>
      <c r="N39" s="10"/>
    </row>
    <row r="40" spans="2:15" x14ac:dyDescent="0.15">
      <c r="B40" s="9" t="s">
        <v>46</v>
      </c>
      <c r="E40" s="10"/>
      <c r="F40" s="10"/>
      <c r="G40" s="10"/>
      <c r="H40" s="10"/>
      <c r="I40" s="10"/>
      <c r="J40" s="10"/>
      <c r="K40" s="10"/>
      <c r="M40" s="11"/>
      <c r="N40" s="12"/>
    </row>
    <row r="41" spans="2:15" ht="7.5" customHeight="1" x14ac:dyDescent="0.15">
      <c r="B41" s="13"/>
      <c r="C41" s="14"/>
      <c r="D41" s="14"/>
      <c r="E41" s="15"/>
      <c r="F41" s="14"/>
      <c r="G41" s="14"/>
      <c r="H41" s="14"/>
      <c r="I41" s="14"/>
      <c r="J41" s="86"/>
      <c r="K41" s="86"/>
      <c r="L41" s="86"/>
      <c r="M41" s="17"/>
      <c r="N41" s="18"/>
      <c r="O41" s="19"/>
    </row>
    <row r="42" spans="2:15" ht="14.25" customHeight="1" x14ac:dyDescent="0.15">
      <c r="B42" s="19"/>
      <c r="E42" s="20" t="s">
        <v>3</v>
      </c>
      <c r="F42" s="21" t="s">
        <v>4</v>
      </c>
      <c r="G42" s="22" t="s">
        <v>5</v>
      </c>
      <c r="H42" s="23" t="s">
        <v>6</v>
      </c>
      <c r="I42" s="24" t="s">
        <v>7</v>
      </c>
      <c r="J42" s="87"/>
      <c r="K42" s="88" t="s">
        <v>37</v>
      </c>
      <c r="L42" s="89"/>
      <c r="M42" s="27" t="s">
        <v>9</v>
      </c>
      <c r="N42" s="130" t="s">
        <v>10</v>
      </c>
      <c r="O42" s="19"/>
    </row>
    <row r="43" spans="2:15" ht="14.25" customHeight="1" x14ac:dyDescent="0.15">
      <c r="B43" s="19"/>
      <c r="C43" s="9" t="s">
        <v>11</v>
      </c>
      <c r="D43" s="9" t="s">
        <v>12</v>
      </c>
      <c r="E43" s="28" t="s">
        <v>13</v>
      </c>
      <c r="F43" s="29" t="s">
        <v>14</v>
      </c>
      <c r="G43" s="30" t="s">
        <v>4</v>
      </c>
      <c r="H43" s="31" t="s">
        <v>15</v>
      </c>
      <c r="I43" s="30" t="s">
        <v>4</v>
      </c>
      <c r="J43" s="90"/>
      <c r="K43" s="91" t="s">
        <v>38</v>
      </c>
      <c r="L43" s="92"/>
      <c r="M43" s="34" t="s">
        <v>18</v>
      </c>
      <c r="N43" s="130"/>
      <c r="O43" s="19"/>
    </row>
    <row r="44" spans="2:15" ht="14.25" customHeight="1" x14ac:dyDescent="0.15">
      <c r="B44" s="19"/>
      <c r="C44" s="35"/>
      <c r="D44" s="36"/>
      <c r="E44" s="28"/>
      <c r="F44" s="29"/>
      <c r="G44" s="37" t="s">
        <v>19</v>
      </c>
      <c r="H44" s="31" t="s">
        <v>20</v>
      </c>
      <c r="I44" s="37" t="s">
        <v>19</v>
      </c>
      <c r="J44" s="90"/>
      <c r="K44" s="91" t="s">
        <v>39</v>
      </c>
      <c r="L44" s="93"/>
      <c r="M44" s="34" t="s">
        <v>24</v>
      </c>
      <c r="N44" s="130"/>
      <c r="O44" s="19"/>
    </row>
    <row r="45" spans="2:15" ht="7.5" customHeight="1" x14ac:dyDescent="0.15">
      <c r="B45" s="40"/>
      <c r="C45" s="41"/>
      <c r="D45" s="42"/>
      <c r="E45" s="43"/>
      <c r="F45" s="44"/>
      <c r="G45" s="44"/>
      <c r="H45" s="45"/>
      <c r="I45" s="44"/>
      <c r="J45" s="94"/>
      <c r="K45" s="95"/>
      <c r="L45" s="96"/>
      <c r="M45" s="45"/>
      <c r="N45" s="48"/>
      <c r="O45" s="19"/>
    </row>
    <row r="46" spans="2:15" ht="7.5" customHeight="1" x14ac:dyDescent="0.15">
      <c r="B46" s="13"/>
      <c r="C46" s="35"/>
      <c r="D46" s="35"/>
      <c r="E46" s="49"/>
      <c r="L46" s="35"/>
      <c r="M46" s="35"/>
      <c r="N46" s="50"/>
      <c r="O46" s="19"/>
    </row>
    <row r="47" spans="2:15" x14ac:dyDescent="0.15">
      <c r="B47" s="19"/>
      <c r="C47" s="9" t="s">
        <v>43</v>
      </c>
      <c r="D47" s="9" t="s">
        <v>47</v>
      </c>
      <c r="E47" s="51">
        <v>35</v>
      </c>
      <c r="F47" s="10">
        <v>5</v>
      </c>
      <c r="G47" s="52">
        <v>0</v>
      </c>
      <c r="H47" s="52">
        <v>30</v>
      </c>
      <c r="I47" s="52">
        <v>0</v>
      </c>
      <c r="J47" s="97"/>
      <c r="K47" s="97"/>
      <c r="L47" s="97">
        <v>0</v>
      </c>
      <c r="M47" s="54" t="s">
        <v>42</v>
      </c>
      <c r="N47" s="98">
        <v>0.13</v>
      </c>
      <c r="O47" s="19"/>
    </row>
    <row r="48" spans="2:15" ht="7.5" customHeight="1" x14ac:dyDescent="0.15">
      <c r="B48" s="40"/>
      <c r="C48" s="72"/>
      <c r="D48" s="72"/>
      <c r="E48" s="73"/>
      <c r="F48" s="74"/>
      <c r="G48" s="75"/>
      <c r="H48" s="75"/>
      <c r="I48" s="75"/>
      <c r="J48" s="75"/>
      <c r="K48" s="75"/>
      <c r="L48" s="76"/>
      <c r="M48" s="77"/>
      <c r="N48" s="78"/>
      <c r="O48" s="19"/>
    </row>
    <row r="49" spans="2:15" x14ac:dyDescent="0.15">
      <c r="E49" s="10"/>
      <c r="F49" s="10"/>
      <c r="G49" s="10"/>
      <c r="H49" s="10"/>
      <c r="I49" s="10"/>
      <c r="J49" s="10"/>
      <c r="K49" s="10"/>
      <c r="M49" s="11"/>
      <c r="N49" s="12"/>
    </row>
    <row r="50" spans="2:15" x14ac:dyDescent="0.15">
      <c r="E50" s="10"/>
      <c r="F50" s="10"/>
      <c r="G50" s="10"/>
      <c r="H50" s="10"/>
      <c r="I50" s="10"/>
      <c r="J50" s="10"/>
      <c r="K50" s="10"/>
      <c r="M50" s="11"/>
      <c r="N50" s="12"/>
    </row>
    <row r="51" spans="2:15" x14ac:dyDescent="0.15">
      <c r="B51" s="9" t="s">
        <v>48</v>
      </c>
      <c r="E51" s="10"/>
      <c r="F51" s="10"/>
      <c r="G51" s="10"/>
      <c r="H51" s="10"/>
      <c r="I51" s="10"/>
      <c r="J51" s="10"/>
      <c r="K51" s="10"/>
      <c r="M51" s="11"/>
      <c r="N51" s="12"/>
    </row>
    <row r="52" spans="2:15" ht="7.5" customHeight="1" x14ac:dyDescent="0.15">
      <c r="B52" s="13"/>
      <c r="C52" s="14"/>
      <c r="D52" s="14"/>
      <c r="E52" s="15"/>
      <c r="F52" s="14"/>
      <c r="G52" s="14"/>
      <c r="H52" s="14"/>
      <c r="I52" s="14"/>
      <c r="J52" s="86"/>
      <c r="K52" s="86"/>
      <c r="L52" s="86"/>
      <c r="M52" s="17"/>
      <c r="N52" s="18"/>
      <c r="O52" s="19"/>
    </row>
    <row r="53" spans="2:15" ht="14.25" customHeight="1" x14ac:dyDescent="0.15">
      <c r="B53" s="19"/>
      <c r="E53" s="20" t="s">
        <v>3</v>
      </c>
      <c r="F53" s="21" t="s">
        <v>4</v>
      </c>
      <c r="G53" s="22" t="s">
        <v>5</v>
      </c>
      <c r="H53" s="23" t="s">
        <v>6</v>
      </c>
      <c r="I53" s="24" t="s">
        <v>7</v>
      </c>
      <c r="J53" s="87"/>
      <c r="K53" s="88" t="s">
        <v>37</v>
      </c>
      <c r="L53" s="89"/>
      <c r="M53" s="27" t="s">
        <v>9</v>
      </c>
      <c r="N53" s="130" t="s">
        <v>10</v>
      </c>
      <c r="O53" s="19"/>
    </row>
    <row r="54" spans="2:15" ht="14.25" customHeight="1" x14ac:dyDescent="0.15">
      <c r="B54" s="19"/>
      <c r="C54" s="9" t="s">
        <v>11</v>
      </c>
      <c r="D54" s="9" t="s">
        <v>12</v>
      </c>
      <c r="E54" s="28" t="s">
        <v>13</v>
      </c>
      <c r="F54" s="29" t="s">
        <v>14</v>
      </c>
      <c r="G54" s="30" t="s">
        <v>4</v>
      </c>
      <c r="H54" s="31" t="s">
        <v>15</v>
      </c>
      <c r="I54" s="30" t="s">
        <v>4</v>
      </c>
      <c r="J54" s="90"/>
      <c r="K54" s="91" t="s">
        <v>38</v>
      </c>
      <c r="L54" s="92"/>
      <c r="M54" s="34" t="s">
        <v>18</v>
      </c>
      <c r="N54" s="130"/>
      <c r="O54" s="19"/>
    </row>
    <row r="55" spans="2:15" ht="14.25" customHeight="1" x14ac:dyDescent="0.15">
      <c r="B55" s="19"/>
      <c r="C55" s="35"/>
      <c r="D55" s="36"/>
      <c r="E55" s="28"/>
      <c r="F55" s="29"/>
      <c r="G55" s="37" t="s">
        <v>19</v>
      </c>
      <c r="H55" s="31" t="s">
        <v>20</v>
      </c>
      <c r="I55" s="37" t="s">
        <v>19</v>
      </c>
      <c r="J55" s="90"/>
      <c r="K55" s="91" t="s">
        <v>39</v>
      </c>
      <c r="L55" s="93"/>
      <c r="M55" s="34" t="s">
        <v>24</v>
      </c>
      <c r="N55" s="130"/>
      <c r="O55" s="19"/>
    </row>
    <row r="56" spans="2:15" ht="7.5" customHeight="1" x14ac:dyDescent="0.15">
      <c r="B56" s="40"/>
      <c r="C56" s="41"/>
      <c r="D56" s="42"/>
      <c r="E56" s="43"/>
      <c r="F56" s="44"/>
      <c r="G56" s="44"/>
      <c r="H56" s="45"/>
      <c r="I56" s="44"/>
      <c r="J56" s="94"/>
      <c r="K56" s="95"/>
      <c r="L56" s="96"/>
      <c r="M56" s="45"/>
      <c r="N56" s="48"/>
      <c r="O56" s="19"/>
    </row>
    <row r="57" spans="2:15" ht="7.5" customHeight="1" x14ac:dyDescent="0.15">
      <c r="B57" s="13"/>
      <c r="C57" s="35"/>
      <c r="D57" s="35"/>
      <c r="E57" s="100"/>
      <c r="F57" s="99"/>
      <c r="G57" s="99"/>
      <c r="H57" s="99"/>
      <c r="I57" s="99"/>
      <c r="J57" s="99"/>
      <c r="K57" s="99"/>
      <c r="L57" s="99"/>
      <c r="M57" s="99"/>
      <c r="N57" s="50"/>
      <c r="O57" s="19"/>
    </row>
    <row r="58" spans="2:15" ht="13.5" customHeight="1" x14ac:dyDescent="0.15">
      <c r="B58" s="19"/>
      <c r="C58" s="101" t="s">
        <v>49</v>
      </c>
      <c r="D58" s="101" t="s">
        <v>50</v>
      </c>
      <c r="E58" s="51">
        <v>70</v>
      </c>
      <c r="F58" s="10">
        <v>14</v>
      </c>
      <c r="G58" s="10">
        <v>0</v>
      </c>
      <c r="H58" s="10">
        <v>56</v>
      </c>
      <c r="I58" s="10">
        <v>0</v>
      </c>
      <c r="J58" s="10"/>
      <c r="K58" s="10"/>
      <c r="L58" s="10">
        <v>4</v>
      </c>
      <c r="M58" s="54">
        <v>7.0000000000000007E-2</v>
      </c>
      <c r="N58" s="102" t="s">
        <v>42</v>
      </c>
      <c r="O58" s="19"/>
    </row>
    <row r="59" spans="2:15" x14ac:dyDescent="0.15">
      <c r="B59" s="19"/>
      <c r="C59" s="9" t="s">
        <v>51</v>
      </c>
      <c r="D59" s="9" t="s">
        <v>2</v>
      </c>
      <c r="E59" s="51">
        <v>70</v>
      </c>
      <c r="F59" s="10">
        <v>28</v>
      </c>
      <c r="G59" s="10">
        <v>0</v>
      </c>
      <c r="H59" s="10">
        <v>42</v>
      </c>
      <c r="I59" s="10">
        <v>0</v>
      </c>
      <c r="J59" s="10"/>
      <c r="K59" s="10"/>
      <c r="L59" s="10">
        <v>8</v>
      </c>
      <c r="M59" s="54">
        <v>0.19</v>
      </c>
      <c r="N59" s="55">
        <v>0.31</v>
      </c>
      <c r="O59" s="19"/>
    </row>
    <row r="60" spans="2:15" x14ac:dyDescent="0.15">
      <c r="B60" s="19"/>
      <c r="C60" s="9" t="s">
        <v>52</v>
      </c>
      <c r="D60" s="9" t="s">
        <v>53</v>
      </c>
      <c r="E60" s="51">
        <v>70</v>
      </c>
      <c r="F60" s="10">
        <v>34</v>
      </c>
      <c r="G60" s="10">
        <v>0</v>
      </c>
      <c r="H60" s="10">
        <v>36</v>
      </c>
      <c r="I60" s="10">
        <v>0</v>
      </c>
      <c r="J60" s="10"/>
      <c r="K60" s="10"/>
      <c r="L60" s="10">
        <v>4</v>
      </c>
      <c r="M60" s="54">
        <v>0.11</v>
      </c>
      <c r="N60" s="55">
        <v>0.18</v>
      </c>
      <c r="O60" s="19"/>
    </row>
    <row r="61" spans="2:15" x14ac:dyDescent="0.15">
      <c r="B61" s="19"/>
      <c r="C61" s="9" t="s">
        <v>54</v>
      </c>
      <c r="D61" s="9" t="s">
        <v>2</v>
      </c>
      <c r="E61" s="51">
        <v>70</v>
      </c>
      <c r="F61" s="10">
        <v>22</v>
      </c>
      <c r="G61" s="10">
        <v>0</v>
      </c>
      <c r="H61" s="10">
        <v>48</v>
      </c>
      <c r="I61" s="10">
        <v>0</v>
      </c>
      <c r="J61" s="10"/>
      <c r="K61" s="10"/>
      <c r="L61" s="10">
        <v>3</v>
      </c>
      <c r="M61" s="54">
        <v>0.06</v>
      </c>
      <c r="N61" s="55">
        <v>0.08</v>
      </c>
      <c r="O61" s="19"/>
    </row>
    <row r="62" spans="2:15" x14ac:dyDescent="0.15">
      <c r="B62" s="19"/>
      <c r="C62" s="9" t="s">
        <v>55</v>
      </c>
      <c r="D62" s="9" t="s">
        <v>50</v>
      </c>
      <c r="E62" s="51">
        <v>105</v>
      </c>
      <c r="F62" s="10">
        <v>28</v>
      </c>
      <c r="G62" s="10">
        <v>0</v>
      </c>
      <c r="H62" s="10">
        <v>77</v>
      </c>
      <c r="I62" s="10">
        <v>0</v>
      </c>
      <c r="J62" s="10"/>
      <c r="K62" s="10"/>
      <c r="L62" s="10">
        <v>11</v>
      </c>
      <c r="M62" s="54">
        <v>0.14000000000000001</v>
      </c>
      <c r="N62" s="102" t="s">
        <v>42</v>
      </c>
      <c r="O62" s="19"/>
    </row>
    <row r="63" spans="2:15" ht="7.5" customHeight="1" x14ac:dyDescent="0.15">
      <c r="B63" s="19"/>
      <c r="C63" s="56"/>
      <c r="D63" s="56"/>
      <c r="E63" s="51"/>
      <c r="F63" s="10"/>
      <c r="G63" s="10"/>
      <c r="H63" s="10"/>
      <c r="I63" s="10"/>
      <c r="J63" s="10"/>
      <c r="K63" s="10"/>
      <c r="L63" s="52"/>
      <c r="M63" s="11"/>
      <c r="N63" s="103"/>
      <c r="O63" s="19"/>
    </row>
    <row r="64" spans="2:15" ht="7.5" customHeight="1" x14ac:dyDescent="0.15">
      <c r="B64" s="58"/>
      <c r="C64" s="59"/>
      <c r="D64" s="59"/>
      <c r="E64" s="60"/>
      <c r="F64" s="62"/>
      <c r="G64" s="62"/>
      <c r="H64" s="62"/>
      <c r="I64" s="62"/>
      <c r="J64" s="62"/>
      <c r="K64" s="62"/>
      <c r="L64" s="63"/>
      <c r="M64" s="64"/>
      <c r="N64" s="104"/>
      <c r="O64" s="19"/>
    </row>
    <row r="65" spans="2:15" x14ac:dyDescent="0.15">
      <c r="B65" s="19"/>
      <c r="C65" s="132" t="s">
        <v>35</v>
      </c>
      <c r="D65" s="133"/>
      <c r="E65" s="66">
        <v>385</v>
      </c>
      <c r="F65" s="67">
        <v>126</v>
      </c>
      <c r="G65" s="67">
        <v>0</v>
      </c>
      <c r="H65" s="67">
        <v>259</v>
      </c>
      <c r="I65" s="67">
        <v>0</v>
      </c>
      <c r="J65" s="67"/>
      <c r="K65" s="67"/>
      <c r="L65" s="67">
        <v>30</v>
      </c>
      <c r="M65" s="70">
        <v>0.12</v>
      </c>
      <c r="N65" s="71">
        <v>0.19</v>
      </c>
      <c r="O65" s="19"/>
    </row>
    <row r="66" spans="2:15" ht="7.5" customHeight="1" x14ac:dyDescent="0.15">
      <c r="B66" s="40"/>
      <c r="C66" s="72"/>
      <c r="D66" s="72"/>
      <c r="E66" s="73"/>
      <c r="F66" s="74"/>
      <c r="G66" s="75"/>
      <c r="H66" s="75"/>
      <c r="I66" s="75"/>
      <c r="J66" s="75"/>
      <c r="K66" s="75"/>
      <c r="L66" s="76"/>
      <c r="M66" s="77"/>
      <c r="N66" s="78"/>
      <c r="O66" s="19"/>
    </row>
    <row r="67" spans="2:15" x14ac:dyDescent="0.15">
      <c r="B67" s="105"/>
      <c r="D67" s="35"/>
      <c r="E67" s="10"/>
      <c r="F67" s="57"/>
      <c r="G67" s="10"/>
      <c r="H67" s="10"/>
      <c r="I67" s="10"/>
      <c r="J67" s="10"/>
      <c r="K67" s="10"/>
      <c r="L67" s="10"/>
      <c r="M67" s="11"/>
      <c r="N67" s="10"/>
    </row>
    <row r="68" spans="2:15" x14ac:dyDescent="0.15">
      <c r="E68" s="10"/>
      <c r="F68" s="10"/>
      <c r="G68" s="10"/>
      <c r="H68" s="10"/>
      <c r="I68" s="10"/>
      <c r="J68" s="10"/>
      <c r="K68" s="10"/>
      <c r="M68" s="11"/>
      <c r="N68" s="12"/>
    </row>
    <row r="69" spans="2:15" x14ac:dyDescent="0.15">
      <c r="B69" s="9" t="s">
        <v>56</v>
      </c>
      <c r="E69" s="10"/>
      <c r="F69" s="10"/>
      <c r="G69" s="10"/>
      <c r="H69" s="10"/>
      <c r="I69" s="10"/>
      <c r="J69" s="10"/>
      <c r="K69" s="10"/>
      <c r="M69" s="11"/>
      <c r="N69" s="12"/>
    </row>
    <row r="70" spans="2:15" ht="7.5" customHeight="1" x14ac:dyDescent="0.15">
      <c r="B70" s="13"/>
      <c r="C70" s="14"/>
      <c r="D70" s="14"/>
      <c r="E70" s="15"/>
      <c r="F70" s="14"/>
      <c r="G70" s="14"/>
      <c r="H70" s="14"/>
      <c r="I70" s="14"/>
      <c r="J70" s="86"/>
      <c r="K70" s="86"/>
      <c r="L70" s="86"/>
      <c r="M70" s="17"/>
      <c r="N70" s="18"/>
      <c r="O70" s="19"/>
    </row>
    <row r="71" spans="2:15" ht="15" customHeight="1" x14ac:dyDescent="0.15">
      <c r="B71" s="19"/>
      <c r="E71" s="20" t="s">
        <v>3</v>
      </c>
      <c r="F71" s="21" t="s">
        <v>4</v>
      </c>
      <c r="G71" s="22" t="s">
        <v>5</v>
      </c>
      <c r="H71" s="23" t="s">
        <v>6</v>
      </c>
      <c r="I71" s="24" t="s">
        <v>7</v>
      </c>
      <c r="J71" s="87"/>
      <c r="K71" s="88" t="s">
        <v>37</v>
      </c>
      <c r="L71" s="89"/>
      <c r="M71" s="27" t="s">
        <v>9</v>
      </c>
      <c r="N71" s="130" t="s">
        <v>10</v>
      </c>
      <c r="O71" s="19"/>
    </row>
    <row r="72" spans="2:15" ht="14.25" customHeight="1" x14ac:dyDescent="0.15">
      <c r="B72" s="19"/>
      <c r="C72" s="9" t="s">
        <v>11</v>
      </c>
      <c r="D72" s="9" t="s">
        <v>12</v>
      </c>
      <c r="E72" s="28" t="s">
        <v>13</v>
      </c>
      <c r="F72" s="29" t="s">
        <v>14</v>
      </c>
      <c r="G72" s="30" t="s">
        <v>4</v>
      </c>
      <c r="H72" s="31" t="s">
        <v>15</v>
      </c>
      <c r="I72" s="30" t="s">
        <v>4</v>
      </c>
      <c r="J72" s="90"/>
      <c r="K72" s="91" t="s">
        <v>38</v>
      </c>
      <c r="L72" s="92"/>
      <c r="M72" s="34" t="s">
        <v>18</v>
      </c>
      <c r="N72" s="130"/>
      <c r="O72" s="19"/>
    </row>
    <row r="73" spans="2:15" ht="14.25" customHeight="1" x14ac:dyDescent="0.15">
      <c r="B73" s="19"/>
      <c r="C73" s="35"/>
      <c r="D73" s="36"/>
      <c r="E73" s="28"/>
      <c r="F73" s="29"/>
      <c r="G73" s="37" t="s">
        <v>19</v>
      </c>
      <c r="H73" s="31" t="s">
        <v>20</v>
      </c>
      <c r="I73" s="37" t="s">
        <v>19</v>
      </c>
      <c r="J73" s="90"/>
      <c r="K73" s="91" t="s">
        <v>39</v>
      </c>
      <c r="L73" s="93"/>
      <c r="M73" s="34" t="s">
        <v>24</v>
      </c>
      <c r="N73" s="130"/>
      <c r="O73" s="19"/>
    </row>
    <row r="74" spans="2:15" ht="7.5" customHeight="1" x14ac:dyDescent="0.15">
      <c r="B74" s="40"/>
      <c r="C74" s="41"/>
      <c r="D74" s="42"/>
      <c r="E74" s="43"/>
      <c r="F74" s="44"/>
      <c r="G74" s="44"/>
      <c r="H74" s="45"/>
      <c r="I74" s="44"/>
      <c r="J74" s="94"/>
      <c r="K74" s="95"/>
      <c r="L74" s="96"/>
      <c r="M74" s="45"/>
      <c r="N74" s="48"/>
      <c r="O74" s="19"/>
    </row>
    <row r="75" spans="2:15" ht="23.25" customHeight="1" x14ac:dyDescent="0.15">
      <c r="B75" s="19"/>
      <c r="C75" s="9" t="s">
        <v>57</v>
      </c>
      <c r="D75" s="9" t="s">
        <v>58</v>
      </c>
      <c r="E75" s="51">
        <v>70</v>
      </c>
      <c r="F75" s="10">
        <v>40</v>
      </c>
      <c r="G75" s="10">
        <v>0</v>
      </c>
      <c r="H75" s="10">
        <v>30</v>
      </c>
      <c r="I75" s="10">
        <v>0</v>
      </c>
      <c r="J75" s="10"/>
      <c r="K75" s="10"/>
      <c r="L75" s="10">
        <v>4</v>
      </c>
      <c r="M75" s="54">
        <v>0.13</v>
      </c>
      <c r="N75" s="55">
        <v>0.34</v>
      </c>
      <c r="O75" s="19"/>
    </row>
    <row r="76" spans="2:15" ht="7.5" customHeight="1" x14ac:dyDescent="0.15">
      <c r="B76" s="40"/>
      <c r="C76" s="72"/>
      <c r="D76" s="72"/>
      <c r="E76" s="73"/>
      <c r="F76" s="75"/>
      <c r="G76" s="75"/>
      <c r="H76" s="75"/>
      <c r="I76" s="75"/>
      <c r="J76" s="75"/>
      <c r="K76" s="75"/>
      <c r="L76" s="76"/>
      <c r="M76" s="77"/>
      <c r="N76" s="106"/>
      <c r="O76" s="19"/>
    </row>
    <row r="77" spans="2:15" ht="8.1" customHeight="1" x14ac:dyDescent="0.15">
      <c r="B77" s="107"/>
      <c r="C77" s="56"/>
      <c r="D77" s="56"/>
      <c r="E77" s="10"/>
      <c r="F77" s="57"/>
      <c r="G77" s="10"/>
      <c r="H77" s="10"/>
      <c r="I77" s="10"/>
      <c r="J77" s="10"/>
      <c r="K77" s="10"/>
      <c r="L77" s="52"/>
      <c r="M77" s="11"/>
      <c r="N77" s="10"/>
    </row>
    <row r="78" spans="2:15" x14ac:dyDescent="0.15">
      <c r="B78" s="9" t="s">
        <v>59</v>
      </c>
      <c r="E78" s="10"/>
      <c r="F78" s="10"/>
      <c r="G78" s="10"/>
      <c r="H78" s="10"/>
      <c r="I78" s="10"/>
      <c r="J78" s="10"/>
      <c r="K78" s="10"/>
      <c r="M78" s="11"/>
      <c r="N78" s="12"/>
    </row>
    <row r="79" spans="2:15" ht="7.5" customHeight="1" x14ac:dyDescent="0.15">
      <c r="B79" s="13"/>
      <c r="C79" s="14"/>
      <c r="D79" s="14"/>
      <c r="E79" s="15"/>
      <c r="F79" s="14"/>
      <c r="G79" s="14"/>
      <c r="H79" s="14"/>
      <c r="I79" s="14"/>
      <c r="J79" s="86"/>
      <c r="K79" s="86"/>
      <c r="L79" s="86"/>
      <c r="M79" s="17"/>
      <c r="N79" s="18"/>
      <c r="O79" s="19"/>
    </row>
    <row r="80" spans="2:15" ht="14.25" customHeight="1" x14ac:dyDescent="0.15">
      <c r="B80" s="19"/>
      <c r="E80" s="20" t="s">
        <v>3</v>
      </c>
      <c r="F80" s="21" t="s">
        <v>4</v>
      </c>
      <c r="G80" s="22" t="s">
        <v>5</v>
      </c>
      <c r="H80" s="23" t="s">
        <v>6</v>
      </c>
      <c r="I80" s="24" t="s">
        <v>7</v>
      </c>
      <c r="J80" s="87"/>
      <c r="K80" s="88" t="s">
        <v>37</v>
      </c>
      <c r="L80" s="89"/>
      <c r="M80" s="27" t="s">
        <v>9</v>
      </c>
      <c r="N80" s="130" t="s">
        <v>10</v>
      </c>
      <c r="O80" s="19"/>
    </row>
    <row r="81" spans="2:15" ht="14.25" customHeight="1" x14ac:dyDescent="0.15">
      <c r="B81" s="19"/>
      <c r="C81" s="9" t="s">
        <v>11</v>
      </c>
      <c r="D81" s="9" t="s">
        <v>12</v>
      </c>
      <c r="E81" s="28" t="s">
        <v>13</v>
      </c>
      <c r="F81" s="29" t="s">
        <v>14</v>
      </c>
      <c r="G81" s="30" t="s">
        <v>4</v>
      </c>
      <c r="H81" s="31" t="s">
        <v>15</v>
      </c>
      <c r="I81" s="30" t="s">
        <v>4</v>
      </c>
      <c r="J81" s="90"/>
      <c r="K81" s="91" t="s">
        <v>38</v>
      </c>
      <c r="L81" s="92"/>
      <c r="M81" s="34" t="s">
        <v>60</v>
      </c>
      <c r="N81" s="130"/>
      <c r="O81" s="19"/>
    </row>
    <row r="82" spans="2:15" ht="14.25" customHeight="1" x14ac:dyDescent="0.15">
      <c r="B82" s="19"/>
      <c r="C82" s="35"/>
      <c r="D82" s="36"/>
      <c r="E82" s="28"/>
      <c r="F82" s="29"/>
      <c r="G82" s="37" t="s">
        <v>19</v>
      </c>
      <c r="H82" s="31" t="s">
        <v>61</v>
      </c>
      <c r="I82" s="37" t="s">
        <v>19</v>
      </c>
      <c r="J82" s="90"/>
      <c r="K82" s="91" t="s">
        <v>39</v>
      </c>
      <c r="L82" s="93"/>
      <c r="M82" s="34" t="s">
        <v>62</v>
      </c>
      <c r="N82" s="130"/>
      <c r="O82" s="19"/>
    </row>
    <row r="83" spans="2:15" ht="7.5" customHeight="1" x14ac:dyDescent="0.15">
      <c r="B83" s="40"/>
      <c r="C83" s="41"/>
      <c r="D83" s="42"/>
      <c r="E83" s="43"/>
      <c r="F83" s="44"/>
      <c r="G83" s="44"/>
      <c r="H83" s="45"/>
      <c r="I83" s="44"/>
      <c r="J83" s="94"/>
      <c r="K83" s="95"/>
      <c r="L83" s="96"/>
      <c r="M83" s="45"/>
      <c r="N83" s="48"/>
      <c r="O83" s="19"/>
    </row>
    <row r="84" spans="2:15" ht="7.5" customHeight="1" x14ac:dyDescent="0.15">
      <c r="B84" s="13"/>
      <c r="C84" s="35"/>
      <c r="D84" s="35"/>
      <c r="E84" s="49"/>
      <c r="L84" s="35"/>
      <c r="M84" s="35"/>
      <c r="N84" s="50"/>
      <c r="O84" s="19"/>
    </row>
    <row r="85" spans="2:15" ht="14.25" customHeight="1" x14ac:dyDescent="0.15">
      <c r="B85" s="19"/>
      <c r="C85" s="9" t="s">
        <v>63</v>
      </c>
      <c r="D85" s="9" t="s">
        <v>64</v>
      </c>
      <c r="E85" s="51">
        <v>35</v>
      </c>
      <c r="F85" s="97">
        <v>2</v>
      </c>
      <c r="G85" s="97">
        <v>0</v>
      </c>
      <c r="H85" s="97">
        <v>33</v>
      </c>
      <c r="I85" s="97">
        <v>0</v>
      </c>
      <c r="J85" s="97"/>
      <c r="K85" s="97"/>
      <c r="L85" s="97">
        <v>2</v>
      </c>
      <c r="M85" s="54">
        <v>0.06</v>
      </c>
      <c r="N85" s="55">
        <v>0.08</v>
      </c>
      <c r="O85" s="19"/>
    </row>
    <row r="86" spans="2:15" ht="14.25" customHeight="1" x14ac:dyDescent="0.15">
      <c r="B86" s="19"/>
      <c r="C86" s="9" t="s">
        <v>65</v>
      </c>
      <c r="D86" s="9" t="s">
        <v>66</v>
      </c>
      <c r="E86" s="51">
        <v>35</v>
      </c>
      <c r="F86" s="97">
        <v>8</v>
      </c>
      <c r="G86" s="97">
        <v>0</v>
      </c>
      <c r="H86" s="97">
        <v>27</v>
      </c>
      <c r="I86" s="97">
        <v>0</v>
      </c>
      <c r="J86" s="97"/>
      <c r="K86" s="97"/>
      <c r="L86" s="97">
        <v>6</v>
      </c>
      <c r="M86" s="54">
        <v>0.22</v>
      </c>
      <c r="N86" s="55">
        <v>0.03</v>
      </c>
      <c r="O86" s="19"/>
    </row>
    <row r="87" spans="2:15" ht="14.25" customHeight="1" x14ac:dyDescent="0.15">
      <c r="B87" s="19"/>
      <c r="C87" s="9" t="s">
        <v>65</v>
      </c>
      <c r="D87" s="9" t="s">
        <v>67</v>
      </c>
      <c r="E87" s="51">
        <v>35</v>
      </c>
      <c r="F87" s="97">
        <v>5</v>
      </c>
      <c r="G87" s="97">
        <v>0</v>
      </c>
      <c r="H87" s="97">
        <v>30</v>
      </c>
      <c r="I87" s="97">
        <v>0</v>
      </c>
      <c r="J87" s="97"/>
      <c r="K87" s="97"/>
      <c r="L87" s="97">
        <v>0</v>
      </c>
      <c r="M87" s="54" t="s">
        <v>42</v>
      </c>
      <c r="N87" s="102">
        <v>0.15</v>
      </c>
      <c r="O87" s="19"/>
    </row>
    <row r="88" spans="2:15" x14ac:dyDescent="0.15">
      <c r="B88" s="19"/>
      <c r="D88" s="108" t="s">
        <v>68</v>
      </c>
      <c r="E88" s="66">
        <v>105</v>
      </c>
      <c r="F88" s="69">
        <v>15</v>
      </c>
      <c r="G88" s="69">
        <v>0</v>
      </c>
      <c r="H88" s="69">
        <v>90</v>
      </c>
      <c r="I88" s="69">
        <v>0</v>
      </c>
      <c r="J88" s="69"/>
      <c r="K88" s="69"/>
      <c r="L88" s="69">
        <v>8</v>
      </c>
      <c r="M88" s="70">
        <v>0.09</v>
      </c>
      <c r="N88" s="109">
        <v>0.09</v>
      </c>
      <c r="O88" s="69"/>
    </row>
    <row r="89" spans="2:15" ht="7.5" customHeight="1" x14ac:dyDescent="0.15">
      <c r="B89" s="40"/>
      <c r="C89" s="72"/>
      <c r="D89" s="72"/>
      <c r="E89" s="73"/>
      <c r="F89" s="75"/>
      <c r="G89" s="75"/>
      <c r="H89" s="75"/>
      <c r="I89" s="75"/>
      <c r="J89" s="75"/>
      <c r="K89" s="75"/>
      <c r="L89" s="76"/>
      <c r="M89" s="77"/>
      <c r="N89" s="110"/>
      <c r="O89" s="19"/>
    </row>
    <row r="90" spans="2:15" ht="27" customHeight="1" x14ac:dyDescent="0.15">
      <c r="B90" s="134" t="s">
        <v>69</v>
      </c>
      <c r="C90" s="134"/>
      <c r="D90" s="134"/>
      <c r="E90" s="134"/>
      <c r="F90" s="134"/>
      <c r="G90" s="134"/>
      <c r="H90" s="134"/>
      <c r="I90" s="134"/>
      <c r="J90" s="134"/>
      <c r="K90" s="134"/>
      <c r="L90" s="134"/>
      <c r="M90" s="134"/>
      <c r="N90" s="134"/>
    </row>
    <row r="91" spans="2:15" ht="5.25" customHeight="1" x14ac:dyDescent="0.15">
      <c r="B91" s="111"/>
    </row>
    <row r="92" spans="2:15" x14ac:dyDescent="0.15">
      <c r="B92" s="5" t="s">
        <v>70</v>
      </c>
    </row>
    <row r="93" spans="2:15" x14ac:dyDescent="0.15">
      <c r="B93" s="5" t="s">
        <v>71</v>
      </c>
      <c r="E93" s="10"/>
      <c r="F93" s="10"/>
      <c r="G93" s="10"/>
      <c r="H93" s="10"/>
      <c r="I93" s="10"/>
      <c r="J93" s="10"/>
      <c r="K93" s="10"/>
      <c r="M93" s="11"/>
      <c r="N93" s="12"/>
    </row>
    <row r="94" spans="2:15" ht="7.5" customHeight="1" x14ac:dyDescent="0.15">
      <c r="B94" s="13"/>
      <c r="C94" s="14"/>
      <c r="D94" s="14"/>
      <c r="E94" s="15"/>
      <c r="F94" s="14"/>
      <c r="G94" s="14"/>
      <c r="H94" s="14"/>
      <c r="I94" s="14"/>
      <c r="J94" s="14"/>
      <c r="K94" s="14"/>
      <c r="L94" s="17"/>
      <c r="M94" s="17"/>
      <c r="N94" s="18"/>
      <c r="O94" s="19"/>
    </row>
    <row r="95" spans="2:15" x14ac:dyDescent="0.15">
      <c r="B95" s="19"/>
      <c r="E95" s="20" t="s">
        <v>3</v>
      </c>
      <c r="F95" s="21" t="s">
        <v>4</v>
      </c>
      <c r="G95" s="22" t="s">
        <v>5</v>
      </c>
      <c r="H95" s="23" t="s">
        <v>6</v>
      </c>
      <c r="I95" s="24" t="s">
        <v>7</v>
      </c>
      <c r="J95" s="87"/>
      <c r="K95" s="88" t="s">
        <v>37</v>
      </c>
      <c r="L95" s="89"/>
      <c r="M95" s="27" t="s">
        <v>9</v>
      </c>
      <c r="N95" s="130" t="s">
        <v>10</v>
      </c>
      <c r="O95" s="19"/>
    </row>
    <row r="96" spans="2:15" x14ac:dyDescent="0.15">
      <c r="B96" s="19"/>
      <c r="C96" s="9" t="s">
        <v>11</v>
      </c>
      <c r="D96" s="9" t="s">
        <v>12</v>
      </c>
      <c r="E96" s="28" t="s">
        <v>13</v>
      </c>
      <c r="F96" s="29" t="s">
        <v>14</v>
      </c>
      <c r="G96" s="30" t="s">
        <v>4</v>
      </c>
      <c r="H96" s="31" t="s">
        <v>15</v>
      </c>
      <c r="I96" s="30" t="s">
        <v>4</v>
      </c>
      <c r="J96" s="90"/>
      <c r="K96" s="91" t="s">
        <v>38</v>
      </c>
      <c r="L96" s="92"/>
      <c r="M96" s="34" t="s">
        <v>18</v>
      </c>
      <c r="N96" s="130"/>
      <c r="O96" s="19"/>
    </row>
    <row r="97" spans="2:15" x14ac:dyDescent="0.15">
      <c r="B97" s="19"/>
      <c r="C97" s="35"/>
      <c r="D97" s="36"/>
      <c r="E97" s="28"/>
      <c r="F97" s="29"/>
      <c r="G97" s="37" t="s">
        <v>19</v>
      </c>
      <c r="H97" s="31" t="s">
        <v>20</v>
      </c>
      <c r="I97" s="37" t="s">
        <v>19</v>
      </c>
      <c r="J97" s="90"/>
      <c r="K97" s="91" t="s">
        <v>39</v>
      </c>
      <c r="L97" s="93"/>
      <c r="M97" s="34" t="s">
        <v>24</v>
      </c>
      <c r="N97" s="130"/>
      <c r="O97" s="19"/>
    </row>
    <row r="98" spans="2:15" ht="7.5" customHeight="1" x14ac:dyDescent="0.15">
      <c r="B98" s="40"/>
      <c r="C98" s="41"/>
      <c r="D98" s="42"/>
      <c r="E98" s="43"/>
      <c r="F98" s="44"/>
      <c r="G98" s="44"/>
      <c r="H98" s="45"/>
      <c r="I98" s="44"/>
      <c r="J98" s="94"/>
      <c r="K98" s="95"/>
      <c r="L98" s="96"/>
      <c r="M98" s="45"/>
      <c r="N98" s="48"/>
      <c r="O98" s="19"/>
    </row>
    <row r="99" spans="2:15" ht="7.5" customHeight="1" x14ac:dyDescent="0.15">
      <c r="B99" s="13"/>
      <c r="C99" s="35"/>
      <c r="D99" s="35"/>
      <c r="E99" s="49"/>
      <c r="L99" s="35"/>
      <c r="M99" s="35"/>
      <c r="N99" s="50"/>
      <c r="O99" s="19"/>
    </row>
    <row r="100" spans="2:15" ht="12.75" customHeight="1" x14ac:dyDescent="0.15">
      <c r="B100" s="112"/>
      <c r="C100" s="5" t="s">
        <v>72</v>
      </c>
      <c r="D100" s="5" t="s">
        <v>26</v>
      </c>
      <c r="E100" s="51">
        <v>1250</v>
      </c>
      <c r="F100" s="10">
        <v>397</v>
      </c>
      <c r="G100" s="10">
        <v>0</v>
      </c>
      <c r="H100" s="10">
        <v>853</v>
      </c>
      <c r="I100" s="10">
        <v>0</v>
      </c>
      <c r="J100" s="10"/>
      <c r="K100" s="10"/>
      <c r="L100" s="10">
        <v>64</v>
      </c>
      <c r="M100" s="54">
        <v>0.08</v>
      </c>
      <c r="N100" s="55">
        <v>0.08</v>
      </c>
      <c r="O100" s="19"/>
    </row>
    <row r="101" spans="2:15" x14ac:dyDescent="0.15">
      <c r="B101" s="112"/>
      <c r="C101" s="5" t="s">
        <v>73</v>
      </c>
      <c r="D101" s="5" t="s">
        <v>26</v>
      </c>
      <c r="E101" s="51">
        <v>270</v>
      </c>
      <c r="F101" s="10">
        <v>132</v>
      </c>
      <c r="G101" s="10">
        <v>0</v>
      </c>
      <c r="H101" s="10">
        <v>138</v>
      </c>
      <c r="I101" s="10">
        <v>1</v>
      </c>
      <c r="J101" s="10"/>
      <c r="K101" s="10"/>
      <c r="L101" s="10">
        <v>25</v>
      </c>
      <c r="M101" s="54">
        <v>0.18</v>
      </c>
      <c r="N101" s="55">
        <v>0.25</v>
      </c>
      <c r="O101" s="19"/>
    </row>
    <row r="102" spans="2:15" ht="7.5" customHeight="1" x14ac:dyDescent="0.15">
      <c r="B102" s="113"/>
      <c r="C102" s="114"/>
      <c r="D102" s="115"/>
      <c r="E102" s="116"/>
      <c r="F102" s="117"/>
      <c r="G102" s="117"/>
      <c r="H102" s="117"/>
      <c r="I102" s="117"/>
      <c r="J102" s="117"/>
      <c r="K102" s="117"/>
      <c r="L102" s="117"/>
      <c r="M102" s="118"/>
      <c r="N102" s="119"/>
      <c r="O102" s="19"/>
    </row>
    <row r="103" spans="2:15" ht="6.75" customHeight="1" x14ac:dyDescent="0.15">
      <c r="B103" s="112"/>
      <c r="C103" s="5"/>
      <c r="D103" s="120"/>
      <c r="E103" s="121"/>
      <c r="M103" s="122"/>
      <c r="N103" s="123"/>
      <c r="O103" s="19"/>
    </row>
    <row r="104" spans="2:15" x14ac:dyDescent="0.15">
      <c r="B104" s="112"/>
      <c r="C104" s="131" t="s">
        <v>35</v>
      </c>
      <c r="D104" s="131"/>
      <c r="E104" s="66">
        <v>1520</v>
      </c>
      <c r="F104" s="67">
        <v>529</v>
      </c>
      <c r="G104" s="67">
        <v>0</v>
      </c>
      <c r="H104" s="67">
        <v>991</v>
      </c>
      <c r="I104" s="67">
        <v>1</v>
      </c>
      <c r="J104" s="67"/>
      <c r="K104" s="67"/>
      <c r="L104" s="67">
        <v>89</v>
      </c>
      <c r="M104" s="70">
        <v>0.09</v>
      </c>
      <c r="N104" s="71">
        <v>0.1</v>
      </c>
      <c r="O104" s="19"/>
    </row>
    <row r="105" spans="2:15" ht="7.5" customHeight="1" x14ac:dyDescent="0.15">
      <c r="B105" s="124"/>
      <c r="C105" s="125"/>
      <c r="D105" s="125"/>
      <c r="E105" s="126"/>
      <c r="F105" s="127"/>
      <c r="G105" s="127"/>
      <c r="H105" s="127"/>
      <c r="I105" s="127"/>
      <c r="J105" s="127"/>
      <c r="K105" s="127"/>
      <c r="L105" s="127"/>
      <c r="M105" s="128"/>
      <c r="N105" s="129"/>
      <c r="O105" s="19"/>
    </row>
    <row r="106" spans="2:15" ht="8.1" customHeight="1" x14ac:dyDescent="0.15"/>
    <row r="107" spans="2:15" x14ac:dyDescent="0.15">
      <c r="B107" s="111" t="s">
        <v>74</v>
      </c>
    </row>
    <row r="108" spans="2:15" ht="7.5" customHeight="1" x14ac:dyDescent="0.15"/>
  </sheetData>
  <mergeCells count="14">
    <mergeCell ref="B38:K38"/>
    <mergeCell ref="B1:M1"/>
    <mergeCell ref="N6:N8"/>
    <mergeCell ref="C20:D20"/>
    <mergeCell ref="N27:N29"/>
    <mergeCell ref="C36:D36"/>
    <mergeCell ref="N95:N97"/>
    <mergeCell ref="C104:D104"/>
    <mergeCell ref="N42:N44"/>
    <mergeCell ref="N53:N55"/>
    <mergeCell ref="C65:D65"/>
    <mergeCell ref="N71:N73"/>
    <mergeCell ref="N80:N82"/>
    <mergeCell ref="B90:N90"/>
  </mergeCells>
  <phoneticPr fontId="3"/>
  <printOptions horizontalCentered="1"/>
  <pageMargins left="0.59055118110236227" right="0.59055118110236227" top="0.78740157480314965" bottom="0.59055118110236227" header="0.35433070866141736" footer="0.39370078740157483"/>
  <pageSetup paperSize="9" scale="62" fitToWidth="0" orientation="portrait" useFirstPageNumber="1" r:id="rId1"/>
  <headerFooter alignWithMargins="0">
    <oddFooter>&amp;C&amp;"ＭＳ ゴシック,標準"&amp;P</oddFooter>
  </headerFooter>
  <rowBreaks count="1" manualBreakCount="1">
    <brk id="107" max="1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３</vt:lpstr>
      <vt:lpstr>別紙３!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矢野　哲生</dc:creator>
  <cp:lastModifiedBy>矢野　哲生</cp:lastModifiedBy>
  <dcterms:created xsi:type="dcterms:W3CDTF">2026-03-06T09:15:43Z</dcterms:created>
  <dcterms:modified xsi:type="dcterms:W3CDTF">2026-03-06T09:52:44Z</dcterms:modified>
</cp:coreProperties>
</file>